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0442852\Desktop\"/>
    </mc:Choice>
  </mc:AlternateContent>
  <bookViews>
    <workbookView xWindow="0" yWindow="0" windowWidth="28800" windowHeight="1245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047" i="1" l="1"/>
  <c r="D2047" i="1"/>
  <c r="D2046" i="1"/>
  <c r="E2046" i="1" s="1"/>
  <c r="E2045" i="1"/>
  <c r="D2045" i="1"/>
  <c r="D2044" i="1"/>
  <c r="E2044" i="1" s="1"/>
  <c r="D2043" i="1"/>
  <c r="E2043" i="1" s="1"/>
  <c r="D2042" i="1"/>
  <c r="E2042" i="1" s="1"/>
  <c r="D2041" i="1"/>
  <c r="E2041" i="1" s="1"/>
  <c r="D2040" i="1"/>
  <c r="E2040" i="1" s="1"/>
  <c r="E2039" i="1"/>
  <c r="D2039" i="1"/>
  <c r="D2038" i="1"/>
  <c r="E2038" i="1" s="1"/>
  <c r="E2037" i="1"/>
  <c r="D2037" i="1"/>
  <c r="D2036" i="1"/>
  <c r="E2036" i="1" s="1"/>
  <c r="D2035" i="1"/>
  <c r="E2035" i="1" s="1"/>
  <c r="D2034" i="1"/>
  <c r="E2034" i="1" s="1"/>
  <c r="D2033" i="1"/>
  <c r="E2033" i="1" s="1"/>
  <c r="D2032" i="1"/>
  <c r="E2032" i="1" s="1"/>
  <c r="E2031" i="1"/>
  <c r="D2031" i="1"/>
  <c r="D2030" i="1"/>
  <c r="E2030" i="1" s="1"/>
  <c r="E2029" i="1"/>
  <c r="D2029" i="1"/>
  <c r="D2028" i="1"/>
  <c r="E2028" i="1" s="1"/>
  <c r="E2027" i="1"/>
  <c r="D2027" i="1"/>
  <c r="D2026" i="1"/>
  <c r="E2026" i="1" s="1"/>
  <c r="D2025" i="1"/>
  <c r="E2025" i="1" s="1"/>
  <c r="D2024" i="1"/>
  <c r="E2024" i="1" s="1"/>
  <c r="E2023" i="1"/>
  <c r="D2023" i="1"/>
  <c r="D2022" i="1"/>
  <c r="E2022" i="1" s="1"/>
  <c r="E2021" i="1"/>
  <c r="D2021" i="1"/>
  <c r="D2020" i="1"/>
  <c r="E2020" i="1" s="1"/>
  <c r="E2019" i="1"/>
  <c r="D2019" i="1"/>
  <c r="D2018" i="1"/>
  <c r="E2018" i="1" s="1"/>
  <c r="D2017" i="1"/>
  <c r="E2017" i="1" s="1"/>
  <c r="D2016" i="1"/>
  <c r="E2016" i="1" s="1"/>
  <c r="E2015" i="1"/>
  <c r="D2015" i="1"/>
  <c r="D2014" i="1"/>
  <c r="E2014" i="1" s="1"/>
  <c r="E2013" i="1"/>
  <c r="D2013" i="1"/>
  <c r="D2012" i="1"/>
  <c r="E2012" i="1" s="1"/>
  <c r="D2011" i="1"/>
  <c r="E2011" i="1" s="1"/>
  <c r="D2010" i="1"/>
  <c r="E2010" i="1" s="1"/>
  <c r="D2009" i="1"/>
  <c r="E2009" i="1" s="1"/>
  <c r="D2008" i="1"/>
  <c r="E2008" i="1" s="1"/>
  <c r="E2007" i="1"/>
  <c r="D2007" i="1"/>
  <c r="D2006" i="1"/>
  <c r="E2006" i="1" s="1"/>
  <c r="E2005" i="1"/>
  <c r="D2005" i="1"/>
  <c r="D2004" i="1"/>
  <c r="E2004" i="1" s="1"/>
  <c r="D2003" i="1"/>
  <c r="E2003" i="1" s="1"/>
  <c r="D2002" i="1"/>
  <c r="E2002" i="1" s="1"/>
  <c r="D2001" i="1"/>
  <c r="E2001" i="1" s="1"/>
  <c r="D2000" i="1"/>
  <c r="E2000" i="1" s="1"/>
  <c r="E1999" i="1"/>
  <c r="D1999" i="1"/>
  <c r="D1998" i="1"/>
  <c r="E1998" i="1" s="1"/>
  <c r="E1997" i="1"/>
  <c r="D1997" i="1"/>
  <c r="D1996" i="1"/>
  <c r="E1996" i="1" s="1"/>
  <c r="E1995" i="1"/>
  <c r="D1995" i="1"/>
  <c r="D1994" i="1"/>
  <c r="E1994" i="1" s="1"/>
  <c r="D1993" i="1"/>
  <c r="E1993" i="1" s="1"/>
  <c r="D1992" i="1"/>
  <c r="E1992" i="1" s="1"/>
  <c r="E1991" i="1"/>
  <c r="D1991" i="1"/>
  <c r="D1990" i="1"/>
  <c r="E1990" i="1" s="1"/>
  <c r="E1989" i="1"/>
  <c r="D1989" i="1"/>
  <c r="D1988" i="1"/>
  <c r="E1988" i="1" s="1"/>
  <c r="E1987" i="1"/>
  <c r="D1987" i="1"/>
  <c r="D1986" i="1"/>
  <c r="E1986" i="1" s="1"/>
  <c r="D1985" i="1"/>
  <c r="E1985" i="1" s="1"/>
  <c r="D1984" i="1"/>
  <c r="E1984" i="1" s="1"/>
  <c r="E1983" i="1"/>
  <c r="D1983" i="1"/>
  <c r="D1982" i="1"/>
  <c r="E1982" i="1" s="1"/>
  <c r="E1981" i="1"/>
  <c r="D1981" i="1"/>
  <c r="D1980" i="1"/>
  <c r="E1980" i="1" s="1"/>
  <c r="D1979" i="1"/>
  <c r="E1979" i="1" s="1"/>
  <c r="D1978" i="1"/>
  <c r="E1978" i="1" s="1"/>
  <c r="D1977" i="1"/>
  <c r="E1977" i="1" s="1"/>
  <c r="D1976" i="1"/>
  <c r="E1976" i="1" s="1"/>
  <c r="E1975" i="1"/>
  <c r="D1975" i="1"/>
  <c r="D1974" i="1"/>
  <c r="E1974" i="1" s="1"/>
  <c r="E1973" i="1"/>
  <c r="D1973" i="1"/>
  <c r="D1972" i="1"/>
  <c r="E1972" i="1" s="1"/>
  <c r="D1971" i="1"/>
  <c r="E1971" i="1" s="1"/>
  <c r="D1970" i="1"/>
  <c r="E1970" i="1" s="1"/>
  <c r="D1969" i="1"/>
  <c r="E1969" i="1" s="1"/>
  <c r="D1968" i="1"/>
  <c r="E1968" i="1" s="1"/>
  <c r="E1967" i="1"/>
  <c r="D1967" i="1"/>
  <c r="D1966" i="1"/>
  <c r="E1966" i="1" s="1"/>
  <c r="E1965" i="1"/>
  <c r="D1965" i="1"/>
  <c r="D1964" i="1"/>
  <c r="E1964" i="1" s="1"/>
  <c r="E1963" i="1"/>
  <c r="D1963" i="1"/>
  <c r="D1962" i="1"/>
  <c r="E1962" i="1" s="1"/>
  <c r="D1961" i="1"/>
  <c r="E1961" i="1" s="1"/>
  <c r="D1960" i="1"/>
  <c r="E1960" i="1" s="1"/>
  <c r="E1959" i="1"/>
  <c r="D1959" i="1"/>
  <c r="D1958" i="1"/>
  <c r="E1958" i="1" s="1"/>
  <c r="E1957" i="1"/>
  <c r="D1957" i="1"/>
  <c r="D1956" i="1"/>
  <c r="E1956" i="1" s="1"/>
  <c r="E1955" i="1"/>
  <c r="D1955" i="1"/>
  <c r="D1954" i="1"/>
  <c r="E1954" i="1" s="1"/>
  <c r="D1953" i="1"/>
  <c r="E1953" i="1" s="1"/>
  <c r="D1952" i="1"/>
  <c r="E1952" i="1" s="1"/>
  <c r="E1951" i="1"/>
  <c r="D1951" i="1"/>
  <c r="D1950" i="1"/>
  <c r="E1950" i="1" s="1"/>
  <c r="E1949" i="1"/>
  <c r="D1949" i="1"/>
  <c r="D1948" i="1"/>
  <c r="E1948" i="1" s="1"/>
  <c r="D1947" i="1"/>
  <c r="E1947" i="1" s="1"/>
  <c r="D1946" i="1"/>
  <c r="E1946" i="1" s="1"/>
  <c r="D1945" i="1"/>
  <c r="E1945" i="1" s="1"/>
  <c r="D1944" i="1"/>
  <c r="E1944" i="1" s="1"/>
  <c r="E1943" i="1"/>
  <c r="D1943" i="1"/>
  <c r="D1942" i="1"/>
  <c r="E1942" i="1" s="1"/>
  <c r="E1941" i="1"/>
  <c r="D1941" i="1"/>
  <c r="D1940" i="1"/>
  <c r="E1940" i="1" s="1"/>
  <c r="D1939" i="1"/>
  <c r="E1939" i="1" s="1"/>
  <c r="D1938" i="1"/>
  <c r="E1938" i="1" s="1"/>
  <c r="D1937" i="1"/>
  <c r="E1937" i="1" s="1"/>
  <c r="D1936" i="1"/>
  <c r="E1936" i="1" s="1"/>
  <c r="E1935" i="1"/>
  <c r="D1935" i="1"/>
  <c r="D1934" i="1"/>
  <c r="E1934" i="1" s="1"/>
  <c r="E1933" i="1"/>
  <c r="D1933" i="1"/>
  <c r="D1932" i="1"/>
  <c r="E1932" i="1" s="1"/>
  <c r="E1931" i="1"/>
  <c r="D1931" i="1"/>
  <c r="D1930" i="1"/>
  <c r="E1930" i="1" s="1"/>
  <c r="D1929" i="1"/>
  <c r="E1929" i="1" s="1"/>
  <c r="D1928" i="1"/>
  <c r="E1928" i="1" s="1"/>
  <c r="E1927" i="1"/>
  <c r="D1927" i="1"/>
  <c r="D1926" i="1"/>
  <c r="E1926" i="1" s="1"/>
  <c r="E1925" i="1"/>
  <c r="D1925" i="1"/>
  <c r="D1924" i="1"/>
  <c r="E1924" i="1" s="1"/>
  <c r="E1923" i="1"/>
  <c r="D1923" i="1"/>
  <c r="D1922" i="1"/>
  <c r="E1922" i="1" s="1"/>
  <c r="D1921" i="1"/>
  <c r="E1921" i="1" s="1"/>
  <c r="D1920" i="1"/>
  <c r="E1920" i="1" s="1"/>
  <c r="E1919" i="1"/>
  <c r="D1919" i="1"/>
  <c r="D1918" i="1"/>
  <c r="E1918" i="1" s="1"/>
  <c r="E1917" i="1"/>
  <c r="D1917" i="1"/>
  <c r="D1916" i="1"/>
  <c r="E1916" i="1" s="1"/>
  <c r="D1915" i="1"/>
  <c r="E1915" i="1" s="1"/>
  <c r="D1914" i="1"/>
  <c r="E1914" i="1" s="1"/>
  <c r="D1913" i="1"/>
  <c r="E1913" i="1" s="1"/>
  <c r="D1912" i="1"/>
  <c r="E1912" i="1" s="1"/>
  <c r="E1911" i="1"/>
  <c r="D1911" i="1"/>
  <c r="D1910" i="1"/>
  <c r="E1910" i="1" s="1"/>
  <c r="E1909" i="1"/>
  <c r="D1909" i="1"/>
  <c r="D1908" i="1"/>
  <c r="E1908" i="1" s="1"/>
  <c r="D1907" i="1"/>
  <c r="E1907" i="1" s="1"/>
  <c r="D1906" i="1"/>
  <c r="E1906" i="1" s="1"/>
  <c r="D1905" i="1"/>
  <c r="E1905" i="1" s="1"/>
  <c r="D1904" i="1"/>
  <c r="E1904" i="1" s="1"/>
  <c r="E1903" i="1"/>
  <c r="D1903" i="1"/>
  <c r="D1902" i="1"/>
  <c r="E1902" i="1" s="1"/>
  <c r="E1901" i="1"/>
  <c r="D1901" i="1"/>
  <c r="D1900" i="1"/>
  <c r="E1900" i="1" s="1"/>
  <c r="E1899" i="1"/>
  <c r="D1899" i="1"/>
  <c r="D1898" i="1"/>
  <c r="E1898" i="1" s="1"/>
  <c r="D1897" i="1"/>
  <c r="E1897" i="1" s="1"/>
  <c r="D1896" i="1"/>
  <c r="E1896" i="1" s="1"/>
  <c r="E1895" i="1"/>
  <c r="D1895" i="1"/>
  <c r="D1894" i="1"/>
  <c r="E1894" i="1" s="1"/>
  <c r="E1893" i="1"/>
  <c r="D1893" i="1"/>
  <c r="D1892" i="1"/>
  <c r="E1892" i="1" s="1"/>
  <c r="E1891" i="1"/>
  <c r="D1891" i="1"/>
  <c r="D1890" i="1"/>
  <c r="E1890" i="1" s="1"/>
  <c r="D1889" i="1"/>
  <c r="E1889" i="1" s="1"/>
  <c r="D1888" i="1"/>
  <c r="E1888" i="1" s="1"/>
  <c r="E1887" i="1"/>
  <c r="D1887" i="1"/>
  <c r="D1886" i="1"/>
  <c r="E1886" i="1" s="1"/>
  <c r="E1885" i="1"/>
  <c r="D1885" i="1"/>
  <c r="D1884" i="1"/>
  <c r="E1884" i="1" s="1"/>
  <c r="D1883" i="1"/>
  <c r="E1883" i="1" s="1"/>
  <c r="D1882" i="1"/>
  <c r="E1882" i="1" s="1"/>
  <c r="D1881" i="1"/>
  <c r="E1881" i="1" s="1"/>
  <c r="D1880" i="1"/>
  <c r="E1880" i="1" s="1"/>
  <c r="E1879" i="1"/>
  <c r="D1879" i="1"/>
  <c r="D1878" i="1"/>
  <c r="E1878" i="1" s="1"/>
  <c r="E1877" i="1"/>
  <c r="D1877" i="1"/>
  <c r="D1876" i="1"/>
  <c r="E1876" i="1" s="1"/>
  <c r="E1875" i="1"/>
  <c r="D1875" i="1"/>
  <c r="D1874" i="1"/>
  <c r="E1874" i="1" s="1"/>
  <c r="E1873" i="1"/>
  <c r="D1873" i="1"/>
  <c r="D1872" i="1"/>
  <c r="E1872" i="1" s="1"/>
  <c r="E1871" i="1"/>
  <c r="D1871" i="1"/>
  <c r="D1870" i="1"/>
  <c r="E1870" i="1" s="1"/>
  <c r="E1869" i="1"/>
  <c r="D1869" i="1"/>
  <c r="D1868" i="1"/>
  <c r="E1868" i="1" s="1"/>
  <c r="E1867" i="1"/>
  <c r="D1867" i="1"/>
  <c r="D1866" i="1"/>
  <c r="E1866" i="1" s="1"/>
  <c r="E1865" i="1"/>
  <c r="D1865" i="1"/>
  <c r="D1864" i="1"/>
  <c r="E1864" i="1" s="1"/>
  <c r="E1863" i="1"/>
  <c r="D1863" i="1"/>
  <c r="D1862" i="1"/>
  <c r="E1862" i="1" s="1"/>
  <c r="D1861" i="1"/>
  <c r="E1861" i="1" s="1"/>
  <c r="D1860" i="1"/>
  <c r="E1860" i="1" s="1"/>
  <c r="D1859" i="1"/>
  <c r="E1859" i="1" s="1"/>
  <c r="D1858" i="1"/>
  <c r="E1858" i="1" s="1"/>
  <c r="E1857" i="1"/>
  <c r="D1857" i="1"/>
  <c r="D1856" i="1"/>
  <c r="E1856" i="1" s="1"/>
  <c r="E1855" i="1"/>
  <c r="D1855" i="1"/>
  <c r="D1854" i="1"/>
  <c r="E1854" i="1" s="1"/>
  <c r="D1853" i="1"/>
  <c r="E1853" i="1" s="1"/>
  <c r="D1852" i="1"/>
  <c r="E1852" i="1" s="1"/>
  <c r="D1851" i="1"/>
  <c r="E1851" i="1" s="1"/>
  <c r="D1850" i="1"/>
  <c r="E1850" i="1" s="1"/>
  <c r="E1849" i="1"/>
  <c r="D1849" i="1"/>
  <c r="D1848" i="1"/>
  <c r="E1848" i="1" s="1"/>
  <c r="E1847" i="1"/>
  <c r="D1847" i="1"/>
  <c r="D1846" i="1"/>
  <c r="E1846" i="1" s="1"/>
  <c r="D1845" i="1"/>
  <c r="E1845" i="1" s="1"/>
  <c r="D1844" i="1"/>
  <c r="E1844" i="1" s="1"/>
  <c r="D1843" i="1"/>
  <c r="E1843" i="1" s="1"/>
  <c r="D1842" i="1"/>
  <c r="E1842" i="1" s="1"/>
  <c r="E1841" i="1"/>
  <c r="D1841" i="1"/>
  <c r="D1840" i="1"/>
  <c r="E1840" i="1" s="1"/>
  <c r="E1839" i="1"/>
  <c r="D1839" i="1"/>
  <c r="D1838" i="1"/>
  <c r="E1838" i="1" s="1"/>
  <c r="D1837" i="1"/>
  <c r="E1837" i="1" s="1"/>
  <c r="D1836" i="1"/>
  <c r="E1836" i="1" s="1"/>
  <c r="D1835" i="1"/>
  <c r="E1835" i="1" s="1"/>
  <c r="D1834" i="1"/>
  <c r="E1834" i="1" s="1"/>
  <c r="E1833" i="1"/>
  <c r="D1833" i="1"/>
  <c r="D1832" i="1"/>
  <c r="E1832" i="1" s="1"/>
  <c r="E1831" i="1"/>
  <c r="D1831" i="1"/>
  <c r="D1830" i="1"/>
  <c r="E1830" i="1" s="1"/>
  <c r="D1829" i="1"/>
  <c r="E1829" i="1" s="1"/>
  <c r="D1828" i="1"/>
  <c r="E1828" i="1" s="1"/>
  <c r="D1827" i="1"/>
  <c r="E1827" i="1" s="1"/>
  <c r="D1826" i="1"/>
  <c r="E1826" i="1" s="1"/>
  <c r="E1825" i="1"/>
  <c r="D1825" i="1"/>
  <c r="D1824" i="1"/>
  <c r="E1824" i="1" s="1"/>
  <c r="E1823" i="1"/>
  <c r="D1823" i="1"/>
  <c r="D1822" i="1"/>
  <c r="E1822" i="1" s="1"/>
  <c r="D1821" i="1"/>
  <c r="E1821" i="1" s="1"/>
  <c r="D1820" i="1"/>
  <c r="E1820" i="1" s="1"/>
  <c r="D1819" i="1"/>
  <c r="E1819" i="1" s="1"/>
  <c r="D1818" i="1"/>
  <c r="E1818" i="1" s="1"/>
  <c r="E1817" i="1"/>
  <c r="D1817" i="1"/>
  <c r="D1816" i="1"/>
  <c r="E1816" i="1" s="1"/>
  <c r="E1815" i="1"/>
  <c r="D1815" i="1"/>
  <c r="D1814" i="1"/>
  <c r="E1814" i="1" s="1"/>
  <c r="D1813" i="1"/>
  <c r="E1813" i="1" s="1"/>
  <c r="D1812" i="1"/>
  <c r="E1812" i="1" s="1"/>
  <c r="D1811" i="1"/>
  <c r="E1811" i="1" s="1"/>
  <c r="D1810" i="1"/>
  <c r="E1810" i="1" s="1"/>
  <c r="E1809" i="1"/>
  <c r="D1809" i="1"/>
  <c r="D1808" i="1"/>
  <c r="E1808" i="1" s="1"/>
  <c r="E1807" i="1"/>
  <c r="D1807" i="1"/>
  <c r="D1806" i="1"/>
  <c r="E1806" i="1" s="1"/>
  <c r="D1805" i="1"/>
  <c r="E1805" i="1" s="1"/>
  <c r="D1804" i="1"/>
  <c r="E1804" i="1" s="1"/>
  <c r="D1803" i="1"/>
  <c r="E1803" i="1" s="1"/>
  <c r="D1802" i="1"/>
  <c r="E1802" i="1" s="1"/>
  <c r="E1801" i="1"/>
  <c r="D1801" i="1"/>
  <c r="D1800" i="1"/>
  <c r="E1800" i="1" s="1"/>
  <c r="E1799" i="1"/>
  <c r="D1799" i="1"/>
  <c r="D1798" i="1"/>
  <c r="E1798" i="1" s="1"/>
  <c r="D1797" i="1"/>
  <c r="E1797" i="1" s="1"/>
  <c r="D1796" i="1"/>
  <c r="E1796" i="1" s="1"/>
  <c r="D1795" i="1"/>
  <c r="E1795" i="1" s="1"/>
  <c r="D1794" i="1"/>
  <c r="E1794" i="1" s="1"/>
  <c r="E1793" i="1"/>
  <c r="D1793" i="1"/>
  <c r="D1792" i="1"/>
  <c r="E1792" i="1" s="1"/>
  <c r="E1791" i="1"/>
  <c r="D1791" i="1"/>
  <c r="D1790" i="1"/>
  <c r="E1790" i="1" s="1"/>
  <c r="D1789" i="1"/>
  <c r="E1789" i="1" s="1"/>
  <c r="D1788" i="1"/>
  <c r="E1788" i="1" s="1"/>
  <c r="D1787" i="1"/>
  <c r="E1787" i="1" s="1"/>
  <c r="D1786" i="1"/>
  <c r="E1786" i="1" s="1"/>
  <c r="E1785" i="1"/>
  <c r="D1785" i="1"/>
  <c r="D1784" i="1"/>
  <c r="E1784" i="1" s="1"/>
  <c r="E1783" i="1"/>
  <c r="D1783" i="1"/>
  <c r="D1782" i="1"/>
  <c r="E1782" i="1" s="1"/>
  <c r="D1781" i="1"/>
  <c r="E1781" i="1" s="1"/>
  <c r="D1780" i="1"/>
  <c r="E1780" i="1" s="1"/>
  <c r="D1779" i="1"/>
  <c r="E1779" i="1" s="1"/>
  <c r="D1778" i="1"/>
  <c r="E1778" i="1" s="1"/>
  <c r="E1777" i="1"/>
  <c r="D1777" i="1"/>
  <c r="D1776" i="1"/>
  <c r="E1776" i="1" s="1"/>
  <c r="E1775" i="1"/>
  <c r="D1775" i="1"/>
  <c r="D1774" i="1"/>
  <c r="E1774" i="1" s="1"/>
  <c r="D1773" i="1"/>
  <c r="E1773" i="1" s="1"/>
  <c r="D1772" i="1"/>
  <c r="E1772" i="1" s="1"/>
  <c r="D1771" i="1"/>
  <c r="E1771" i="1" s="1"/>
  <c r="D1770" i="1"/>
  <c r="E1770" i="1" s="1"/>
  <c r="E1769" i="1"/>
  <c r="D1769" i="1"/>
  <c r="D1768" i="1"/>
  <c r="E1768" i="1" s="1"/>
  <c r="E1767" i="1"/>
  <c r="D1767" i="1"/>
  <c r="D1766" i="1"/>
  <c r="E1766" i="1" s="1"/>
  <c r="D1765" i="1"/>
  <c r="E1765" i="1" s="1"/>
  <c r="D1764" i="1"/>
  <c r="E1764" i="1" s="1"/>
  <c r="D1763" i="1"/>
  <c r="E1763" i="1" s="1"/>
  <c r="D1762" i="1"/>
  <c r="E1762" i="1" s="1"/>
  <c r="E1761" i="1"/>
  <c r="D1761" i="1"/>
  <c r="D1760" i="1"/>
  <c r="E1760" i="1" s="1"/>
  <c r="E1759" i="1"/>
  <c r="D1759" i="1"/>
  <c r="D1758" i="1"/>
  <c r="E1758" i="1" s="1"/>
  <c r="D1757" i="1"/>
  <c r="E1757" i="1" s="1"/>
  <c r="D1756" i="1"/>
  <c r="E1756" i="1" s="1"/>
  <c r="D1755" i="1"/>
  <c r="E1755" i="1" s="1"/>
  <c r="D1754" i="1"/>
  <c r="E1754" i="1" s="1"/>
  <c r="E1753" i="1"/>
  <c r="D1753" i="1"/>
  <c r="D1752" i="1"/>
  <c r="E1752" i="1" s="1"/>
  <c r="E1751" i="1"/>
  <c r="D1751" i="1"/>
  <c r="D1750" i="1"/>
  <c r="E1750" i="1" s="1"/>
  <c r="D1749" i="1"/>
  <c r="E1749" i="1" s="1"/>
  <c r="E1748" i="1"/>
  <c r="D1748" i="1"/>
  <c r="D1747" i="1"/>
  <c r="E1747" i="1" s="1"/>
  <c r="E1746" i="1"/>
  <c r="D1746" i="1"/>
  <c r="D1745" i="1"/>
  <c r="E1745" i="1" s="1"/>
  <c r="E1744" i="1"/>
  <c r="D1744" i="1"/>
  <c r="D1743" i="1"/>
  <c r="E1743" i="1" s="1"/>
  <c r="E1742" i="1"/>
  <c r="D1742" i="1"/>
  <c r="D1741" i="1"/>
  <c r="E1741" i="1" s="1"/>
  <c r="E1740" i="1"/>
  <c r="D1740" i="1"/>
  <c r="D1739" i="1"/>
  <c r="E1739" i="1" s="1"/>
  <c r="E1738" i="1"/>
  <c r="D1738" i="1"/>
  <c r="D1737" i="1"/>
  <c r="E1737" i="1" s="1"/>
  <c r="E1736" i="1"/>
  <c r="D1736" i="1"/>
  <c r="D1735" i="1"/>
  <c r="E1735" i="1" s="1"/>
  <c r="E1734" i="1"/>
  <c r="D1734" i="1"/>
  <c r="D1733" i="1"/>
  <c r="E1733" i="1" s="1"/>
  <c r="E1732" i="1"/>
  <c r="D1732" i="1"/>
  <c r="D1731" i="1"/>
  <c r="E1731" i="1" s="1"/>
  <c r="E1730" i="1"/>
  <c r="D1730" i="1"/>
  <c r="D1729" i="1"/>
  <c r="E1729" i="1" s="1"/>
  <c r="E1728" i="1"/>
  <c r="D1728" i="1"/>
  <c r="D1727" i="1"/>
  <c r="E1727" i="1" s="1"/>
  <c r="E1726" i="1"/>
  <c r="D1726" i="1"/>
  <c r="D1725" i="1"/>
  <c r="E1725" i="1" s="1"/>
  <c r="E1724" i="1"/>
  <c r="D1724" i="1"/>
  <c r="D1723" i="1"/>
  <c r="E1723" i="1" s="1"/>
  <c r="E1722" i="1"/>
  <c r="D1722" i="1"/>
  <c r="D1721" i="1"/>
  <c r="E1721" i="1" s="1"/>
  <c r="E1720" i="1"/>
  <c r="D1720" i="1"/>
  <c r="D1719" i="1"/>
  <c r="E1719" i="1" s="1"/>
  <c r="E1718" i="1"/>
  <c r="D1718" i="1"/>
  <c r="D1717" i="1"/>
  <c r="E1717" i="1" s="1"/>
  <c r="E1716" i="1"/>
  <c r="D1716" i="1"/>
  <c r="D1715" i="1"/>
  <c r="E1715" i="1" s="1"/>
  <c r="E1714" i="1"/>
  <c r="D1714" i="1"/>
  <c r="D1713" i="1"/>
  <c r="E1713" i="1" s="1"/>
  <c r="E1712" i="1"/>
  <c r="D1712" i="1"/>
  <c r="D1711" i="1"/>
  <c r="E1711" i="1" s="1"/>
  <c r="E1710" i="1"/>
  <c r="D1710" i="1"/>
  <c r="D1709" i="1"/>
  <c r="E1709" i="1" s="1"/>
  <c r="E1708" i="1"/>
  <c r="D1708" i="1"/>
  <c r="D1707" i="1"/>
  <c r="E1707" i="1" s="1"/>
  <c r="E1706" i="1"/>
  <c r="D1706" i="1"/>
  <c r="D1705" i="1"/>
  <c r="E1705" i="1" s="1"/>
  <c r="E1704" i="1"/>
  <c r="D1704" i="1"/>
  <c r="D1703" i="1"/>
  <c r="E1703" i="1" s="1"/>
  <c r="E1702" i="1"/>
  <c r="D1702" i="1"/>
  <c r="D1701" i="1"/>
  <c r="E1701" i="1" s="1"/>
  <c r="E1700" i="1"/>
  <c r="D1700" i="1"/>
  <c r="D1699" i="1"/>
  <c r="E1699" i="1" s="1"/>
  <c r="E1698" i="1"/>
  <c r="D1698" i="1"/>
  <c r="D1697" i="1"/>
  <c r="E1697" i="1" s="1"/>
  <c r="E1696" i="1"/>
  <c r="D1696" i="1"/>
  <c r="D1695" i="1"/>
  <c r="E1695" i="1" s="1"/>
  <c r="E1694" i="1"/>
  <c r="D1694" i="1"/>
  <c r="D1693" i="1"/>
  <c r="E1693" i="1" s="1"/>
  <c r="E1692" i="1"/>
  <c r="D1692" i="1"/>
  <c r="D1691" i="1"/>
  <c r="E1691" i="1" s="1"/>
  <c r="E1690" i="1"/>
  <c r="D1690" i="1"/>
  <c r="D1689" i="1"/>
  <c r="E1689" i="1" s="1"/>
  <c r="E1688" i="1"/>
  <c r="D1688" i="1"/>
  <c r="D1687" i="1"/>
  <c r="E1687" i="1" s="1"/>
  <c r="E1686" i="1"/>
  <c r="D1686" i="1"/>
  <c r="D1685" i="1"/>
  <c r="E1685" i="1" s="1"/>
  <c r="E1684" i="1"/>
  <c r="D1684" i="1"/>
  <c r="D1683" i="1"/>
  <c r="E1683" i="1" s="1"/>
  <c r="E1682" i="1"/>
  <c r="D1682" i="1"/>
  <c r="D1681" i="1"/>
  <c r="E1681" i="1" s="1"/>
  <c r="E1680" i="1"/>
  <c r="D1680" i="1"/>
  <c r="D1679" i="1"/>
  <c r="E1679" i="1" s="1"/>
  <c r="E1678" i="1"/>
  <c r="D1678" i="1"/>
  <c r="D1677" i="1"/>
  <c r="E1677" i="1" s="1"/>
  <c r="E1676" i="1"/>
  <c r="D1676" i="1"/>
  <c r="D1675" i="1"/>
  <c r="E1675" i="1" s="1"/>
  <c r="E1674" i="1"/>
  <c r="D1674" i="1"/>
  <c r="D1673" i="1"/>
  <c r="E1673" i="1" s="1"/>
  <c r="E1672" i="1"/>
  <c r="D1672" i="1"/>
  <c r="D1671" i="1"/>
  <c r="E1671" i="1" s="1"/>
  <c r="E1670" i="1"/>
  <c r="D1670" i="1"/>
  <c r="D1669" i="1"/>
  <c r="E1669" i="1" s="1"/>
  <c r="E1668" i="1"/>
  <c r="D1668" i="1"/>
  <c r="D1667" i="1"/>
  <c r="E1667" i="1" s="1"/>
  <c r="E1666" i="1"/>
  <c r="D1666" i="1"/>
  <c r="D1665" i="1"/>
  <c r="E1665" i="1" s="1"/>
  <c r="E1664" i="1"/>
  <c r="D1664" i="1"/>
  <c r="D1663" i="1"/>
  <c r="E1663" i="1" s="1"/>
  <c r="E1662" i="1"/>
  <c r="D1662" i="1"/>
  <c r="D1661" i="1"/>
  <c r="E1661" i="1" s="1"/>
  <c r="E1660" i="1"/>
  <c r="D1660" i="1"/>
  <c r="D1659" i="1"/>
  <c r="E1659" i="1" s="1"/>
  <c r="E1658" i="1"/>
  <c r="D1658" i="1"/>
  <c r="D1657" i="1"/>
  <c r="E1657" i="1" s="1"/>
  <c r="E1656" i="1"/>
  <c r="D1656" i="1"/>
  <c r="D1655" i="1"/>
  <c r="E1655" i="1" s="1"/>
  <c r="E1654" i="1"/>
  <c r="D1654" i="1"/>
  <c r="D1653" i="1"/>
  <c r="E1653" i="1" s="1"/>
  <c r="E1652" i="1"/>
  <c r="D1652" i="1"/>
  <c r="D1651" i="1"/>
  <c r="E1651" i="1" s="1"/>
  <c r="E1650" i="1"/>
  <c r="D1650" i="1"/>
  <c r="D1649" i="1"/>
  <c r="E1649" i="1" s="1"/>
  <c r="E1648" i="1"/>
  <c r="D1648" i="1"/>
  <c r="D1647" i="1"/>
  <c r="E1647" i="1" s="1"/>
  <c r="E1646" i="1"/>
  <c r="D1646" i="1"/>
  <c r="D1645" i="1"/>
  <c r="E1645" i="1" s="1"/>
  <c r="E1644" i="1"/>
  <c r="D1644" i="1"/>
  <c r="D1643" i="1"/>
  <c r="E1643" i="1" s="1"/>
  <c r="E1642" i="1"/>
  <c r="D1642" i="1"/>
  <c r="D1641" i="1"/>
  <c r="E1641" i="1" s="1"/>
  <c r="E1640" i="1"/>
  <c r="D1640" i="1"/>
  <c r="D1639" i="1"/>
  <c r="E1639" i="1" s="1"/>
  <c r="E1638" i="1"/>
  <c r="D1638" i="1"/>
  <c r="D1637" i="1"/>
  <c r="E1637" i="1" s="1"/>
  <c r="E1636" i="1"/>
  <c r="D1636" i="1"/>
  <c r="D1635" i="1"/>
  <c r="E1635" i="1" s="1"/>
  <c r="E1634" i="1"/>
  <c r="D1634" i="1"/>
  <c r="D1633" i="1"/>
  <c r="E1633" i="1" s="1"/>
  <c r="E1632" i="1"/>
  <c r="D1632" i="1"/>
  <c r="D1631" i="1"/>
  <c r="E1631" i="1" s="1"/>
  <c r="E1630" i="1"/>
  <c r="D1630" i="1"/>
  <c r="D1629" i="1"/>
  <c r="E1629" i="1" s="1"/>
  <c r="E1628" i="1"/>
  <c r="D1628" i="1"/>
  <c r="D1627" i="1"/>
  <c r="E1627" i="1" s="1"/>
  <c r="E1626" i="1"/>
  <c r="D1626" i="1"/>
  <c r="D1625" i="1"/>
  <c r="E1625" i="1" s="1"/>
  <c r="E1624" i="1"/>
  <c r="D1624" i="1"/>
  <c r="D1623" i="1"/>
  <c r="E1623" i="1" s="1"/>
  <c r="E1622" i="1"/>
  <c r="D1622" i="1"/>
  <c r="D1621" i="1"/>
  <c r="E1621" i="1" s="1"/>
  <c r="E1620" i="1"/>
  <c r="D1620" i="1"/>
  <c r="D1619" i="1"/>
  <c r="E1619" i="1" s="1"/>
  <c r="E1618" i="1"/>
  <c r="D1618" i="1"/>
  <c r="D1617" i="1"/>
  <c r="E1617" i="1" s="1"/>
  <c r="E1616" i="1"/>
  <c r="D1616" i="1"/>
  <c r="D1615" i="1"/>
  <c r="E1615" i="1" s="1"/>
  <c r="E1614" i="1"/>
  <c r="D1614" i="1"/>
  <c r="D1613" i="1"/>
  <c r="E1613" i="1" s="1"/>
  <c r="E1612" i="1"/>
  <c r="D1612" i="1"/>
  <c r="D1611" i="1"/>
  <c r="E1611" i="1" s="1"/>
  <c r="E1610" i="1"/>
  <c r="D1610" i="1"/>
  <c r="D1609" i="1"/>
  <c r="E1609" i="1" s="1"/>
  <c r="E1608" i="1"/>
  <c r="D1608" i="1"/>
  <c r="D1607" i="1"/>
  <c r="E1607" i="1" s="1"/>
  <c r="E1606" i="1"/>
  <c r="D1606" i="1"/>
  <c r="D1605" i="1"/>
  <c r="E1605" i="1" s="1"/>
  <c r="E1604" i="1"/>
  <c r="D1604" i="1"/>
  <c r="D1603" i="1"/>
  <c r="E1603" i="1" s="1"/>
  <c r="E1602" i="1"/>
  <c r="D1602" i="1"/>
  <c r="D1601" i="1"/>
  <c r="E1601" i="1" s="1"/>
  <c r="E1600" i="1"/>
  <c r="D1600" i="1"/>
  <c r="D1599" i="1"/>
  <c r="E1599" i="1" s="1"/>
  <c r="E1598" i="1"/>
  <c r="D1598" i="1"/>
  <c r="D1597" i="1"/>
  <c r="E1597" i="1" s="1"/>
  <c r="E1596" i="1"/>
  <c r="D1596" i="1"/>
  <c r="D1595" i="1"/>
  <c r="E1595" i="1" s="1"/>
  <c r="E1594" i="1"/>
  <c r="D1594" i="1"/>
  <c r="D1593" i="1"/>
  <c r="E1593" i="1" s="1"/>
  <c r="E1592" i="1"/>
  <c r="D1592" i="1"/>
  <c r="D1591" i="1"/>
  <c r="E1591" i="1" s="1"/>
  <c r="E1590" i="1"/>
  <c r="D1590" i="1"/>
  <c r="D1589" i="1"/>
  <c r="E1589" i="1" s="1"/>
  <c r="E1588" i="1"/>
  <c r="D1588" i="1"/>
  <c r="D1587" i="1"/>
  <c r="E1587" i="1" s="1"/>
  <c r="E1586" i="1"/>
  <c r="D1586" i="1"/>
  <c r="D1585" i="1"/>
  <c r="E1585" i="1" s="1"/>
  <c r="E1584" i="1"/>
  <c r="D1584" i="1"/>
  <c r="D1583" i="1"/>
  <c r="E1583" i="1" s="1"/>
  <c r="E1582" i="1"/>
  <c r="D1582" i="1"/>
  <c r="D1581" i="1"/>
  <c r="E1581" i="1" s="1"/>
  <c r="E1580" i="1"/>
  <c r="D1580" i="1"/>
  <c r="D1579" i="1"/>
  <c r="E1579" i="1" s="1"/>
  <c r="E1578" i="1"/>
  <c r="D1578" i="1"/>
  <c r="D1577" i="1"/>
  <c r="E1577" i="1" s="1"/>
  <c r="E1576" i="1"/>
  <c r="D1576" i="1"/>
  <c r="D1575" i="1"/>
  <c r="E1575" i="1" s="1"/>
  <c r="E1574" i="1"/>
  <c r="D1574" i="1"/>
  <c r="D1573" i="1"/>
  <c r="E1573" i="1" s="1"/>
  <c r="E1572" i="1"/>
  <c r="D1572" i="1"/>
  <c r="D1571" i="1"/>
  <c r="E1571" i="1" s="1"/>
  <c r="E1570" i="1"/>
  <c r="D1570" i="1"/>
  <c r="D1569" i="1"/>
  <c r="E1569" i="1" s="1"/>
  <c r="E1568" i="1"/>
  <c r="D1568" i="1"/>
  <c r="D1567" i="1"/>
  <c r="E1567" i="1" s="1"/>
  <c r="E1566" i="1"/>
  <c r="D1566" i="1"/>
  <c r="D1565" i="1"/>
  <c r="E1565" i="1" s="1"/>
  <c r="E1564" i="1"/>
  <c r="D1564" i="1"/>
  <c r="D1563" i="1"/>
  <c r="E1563" i="1" s="1"/>
  <c r="E1562" i="1"/>
  <c r="D1562" i="1"/>
  <c r="D1561" i="1"/>
  <c r="E1561" i="1" s="1"/>
  <c r="E1560" i="1"/>
  <c r="D1560" i="1"/>
  <c r="D1559" i="1"/>
  <c r="E1559" i="1" s="1"/>
  <c r="E1558" i="1"/>
  <c r="D1558" i="1"/>
  <c r="D1557" i="1"/>
  <c r="E1557" i="1" s="1"/>
  <c r="E1556" i="1"/>
  <c r="D1556" i="1"/>
  <c r="D1555" i="1"/>
  <c r="E1555" i="1" s="1"/>
  <c r="E1554" i="1"/>
  <c r="D1554" i="1"/>
  <c r="D1553" i="1"/>
  <c r="E1553" i="1" s="1"/>
  <c r="E1552" i="1"/>
  <c r="D1552" i="1"/>
  <c r="D1551" i="1"/>
  <c r="E1551" i="1" s="1"/>
  <c r="E1550" i="1"/>
  <c r="D1550" i="1"/>
  <c r="D1549" i="1"/>
  <c r="E1549" i="1" s="1"/>
  <c r="E1548" i="1"/>
  <c r="D1548" i="1"/>
  <c r="D1547" i="1"/>
  <c r="E1547" i="1" s="1"/>
  <c r="E1546" i="1"/>
  <c r="D1546" i="1"/>
  <c r="D1545" i="1"/>
  <c r="E1545" i="1" s="1"/>
  <c r="E1544" i="1"/>
  <c r="D1544" i="1"/>
  <c r="D1543" i="1"/>
  <c r="E1543" i="1" s="1"/>
  <c r="E1542" i="1"/>
  <c r="D1542" i="1"/>
  <c r="D1541" i="1"/>
  <c r="E1541" i="1" s="1"/>
  <c r="E1540" i="1"/>
  <c r="D1540" i="1"/>
  <c r="D1539" i="1"/>
  <c r="E1539" i="1" s="1"/>
  <c r="E1538" i="1"/>
  <c r="D1538" i="1"/>
  <c r="D1537" i="1"/>
  <c r="E1537" i="1" s="1"/>
  <c r="E1536" i="1"/>
  <c r="D1536" i="1"/>
  <c r="D1535" i="1"/>
  <c r="E1535" i="1" s="1"/>
  <c r="E1534" i="1"/>
  <c r="D1534" i="1"/>
  <c r="D1533" i="1"/>
  <c r="E1533" i="1" s="1"/>
  <c r="E1532" i="1"/>
  <c r="D1532" i="1"/>
  <c r="D1531" i="1"/>
  <c r="E1531" i="1" s="1"/>
  <c r="E1530" i="1"/>
  <c r="D1530" i="1"/>
  <c r="D1529" i="1"/>
  <c r="E1529" i="1" s="1"/>
  <c r="E1528" i="1"/>
  <c r="D1528" i="1"/>
  <c r="D1527" i="1"/>
  <c r="E1527" i="1" s="1"/>
  <c r="E1526" i="1"/>
  <c r="D1526" i="1"/>
  <c r="D1525" i="1"/>
  <c r="E1525" i="1" s="1"/>
  <c r="E1524" i="1"/>
  <c r="D1524" i="1"/>
  <c r="D1523" i="1"/>
  <c r="E1523" i="1" s="1"/>
  <c r="E1522" i="1"/>
  <c r="D1522" i="1"/>
  <c r="D1521" i="1"/>
  <c r="E1521" i="1" s="1"/>
  <c r="E1520" i="1"/>
  <c r="D1520" i="1"/>
  <c r="D1519" i="1"/>
  <c r="E1519" i="1" s="1"/>
  <c r="E1518" i="1"/>
  <c r="D1518" i="1"/>
  <c r="D1517" i="1"/>
  <c r="E1517" i="1" s="1"/>
  <c r="E1516" i="1"/>
  <c r="D1516" i="1"/>
  <c r="D1515" i="1"/>
  <c r="E1515" i="1" s="1"/>
  <c r="E1514" i="1"/>
  <c r="D1514" i="1"/>
  <c r="D1513" i="1"/>
  <c r="E1513" i="1" s="1"/>
  <c r="E1512" i="1"/>
  <c r="D1512" i="1"/>
  <c r="D1511" i="1"/>
  <c r="E1511" i="1" s="1"/>
  <c r="E1510" i="1"/>
  <c r="D1510" i="1"/>
  <c r="D1509" i="1"/>
  <c r="E1509" i="1" s="1"/>
  <c r="E1508" i="1"/>
  <c r="D1508" i="1"/>
  <c r="D1507" i="1"/>
  <c r="E1507" i="1" s="1"/>
  <c r="E1506" i="1"/>
  <c r="D1506" i="1"/>
  <c r="D1505" i="1"/>
  <c r="E1505" i="1" s="1"/>
  <c r="E1504" i="1"/>
  <c r="D1504" i="1"/>
  <c r="D1503" i="1"/>
  <c r="E1503" i="1" s="1"/>
  <c r="E1502" i="1"/>
  <c r="D1502" i="1"/>
  <c r="D1501" i="1"/>
  <c r="E1501" i="1" s="1"/>
  <c r="E1500" i="1"/>
  <c r="D1500" i="1"/>
  <c r="D1499" i="1"/>
  <c r="E1499" i="1" s="1"/>
  <c r="E1498" i="1"/>
  <c r="D1498" i="1"/>
  <c r="D1497" i="1"/>
  <c r="E1497" i="1" s="1"/>
  <c r="E1496" i="1"/>
  <c r="D1496" i="1"/>
  <c r="D1495" i="1"/>
  <c r="E1495" i="1" s="1"/>
  <c r="E1494" i="1"/>
  <c r="D1494" i="1"/>
  <c r="D1493" i="1"/>
  <c r="E1493" i="1" s="1"/>
  <c r="E1492" i="1"/>
  <c r="D1492" i="1"/>
  <c r="D1491" i="1"/>
  <c r="E1491" i="1" s="1"/>
  <c r="E1490" i="1"/>
  <c r="D1490" i="1"/>
  <c r="D1489" i="1"/>
  <c r="E1489" i="1" s="1"/>
  <c r="E1488" i="1"/>
  <c r="D1488" i="1"/>
  <c r="D1487" i="1"/>
  <c r="E1487" i="1" s="1"/>
  <c r="E1486" i="1"/>
  <c r="D1486" i="1"/>
  <c r="D1485" i="1"/>
  <c r="E1485" i="1" s="1"/>
  <c r="E1484" i="1"/>
  <c r="D1484" i="1"/>
  <c r="D1483" i="1"/>
  <c r="E1483" i="1" s="1"/>
  <c r="E1482" i="1"/>
  <c r="D1482" i="1"/>
  <c r="D1481" i="1"/>
  <c r="E1481" i="1" s="1"/>
  <c r="E1480" i="1"/>
  <c r="D1480" i="1"/>
  <c r="D1479" i="1"/>
  <c r="E1479" i="1" s="1"/>
  <c r="E1478" i="1"/>
  <c r="D1478" i="1"/>
  <c r="D1477" i="1"/>
  <c r="E1477" i="1" s="1"/>
  <c r="E1476" i="1"/>
  <c r="D1476" i="1"/>
  <c r="D1475" i="1"/>
  <c r="E1475" i="1" s="1"/>
  <c r="E1474" i="1"/>
  <c r="D1474" i="1"/>
  <c r="D1473" i="1"/>
  <c r="E1473" i="1" s="1"/>
  <c r="E1472" i="1"/>
  <c r="D1472" i="1"/>
  <c r="D1471" i="1"/>
  <c r="E1471" i="1" s="1"/>
  <c r="E1470" i="1"/>
  <c r="D1470" i="1"/>
  <c r="D1469" i="1"/>
  <c r="E1469" i="1" s="1"/>
  <c r="E1468" i="1"/>
  <c r="D1468" i="1"/>
  <c r="D1467" i="1"/>
  <c r="E1467" i="1" s="1"/>
  <c r="E1466" i="1"/>
  <c r="D1466" i="1"/>
  <c r="D1465" i="1"/>
  <c r="E1465" i="1" s="1"/>
  <c r="E1464" i="1"/>
  <c r="D1464" i="1"/>
  <c r="D1463" i="1"/>
  <c r="E1463" i="1" s="1"/>
  <c r="E1462" i="1"/>
  <c r="D1462" i="1"/>
  <c r="D1461" i="1"/>
  <c r="E1461" i="1" s="1"/>
  <c r="E1460" i="1"/>
  <c r="D1460" i="1"/>
  <c r="D1459" i="1"/>
  <c r="E1459" i="1" s="1"/>
  <c r="E1458" i="1"/>
  <c r="D1458" i="1"/>
  <c r="D1457" i="1"/>
  <c r="E1457" i="1" s="1"/>
  <c r="E1456" i="1"/>
  <c r="D1456" i="1"/>
  <c r="D1455" i="1"/>
  <c r="E1455" i="1" s="1"/>
  <c r="E1454" i="1"/>
  <c r="D1454" i="1"/>
  <c r="D1453" i="1"/>
  <c r="E1453" i="1" s="1"/>
  <c r="E1452" i="1"/>
  <c r="D1452" i="1"/>
  <c r="D1451" i="1"/>
  <c r="E1451" i="1" s="1"/>
  <c r="E1450" i="1"/>
  <c r="D1450" i="1"/>
  <c r="D1449" i="1"/>
  <c r="E1449" i="1" s="1"/>
  <c r="E1448" i="1"/>
  <c r="D1448" i="1"/>
  <c r="D1447" i="1"/>
  <c r="E1447" i="1" s="1"/>
  <c r="E1446" i="1"/>
  <c r="D1446" i="1"/>
  <c r="D1445" i="1"/>
  <c r="E1445" i="1" s="1"/>
  <c r="E1444" i="1"/>
  <c r="D1444" i="1"/>
  <c r="D1443" i="1"/>
  <c r="E1443" i="1" s="1"/>
  <c r="E1442" i="1"/>
  <c r="D1442" i="1"/>
  <c r="D1441" i="1"/>
  <c r="E1441" i="1" s="1"/>
  <c r="E1440" i="1"/>
  <c r="D1440" i="1"/>
  <c r="D1439" i="1"/>
  <c r="E1439" i="1" s="1"/>
  <c r="E1438" i="1"/>
  <c r="D1438" i="1"/>
  <c r="D1437" i="1"/>
  <c r="E1437" i="1" s="1"/>
  <c r="E1436" i="1"/>
  <c r="D1436" i="1"/>
  <c r="D1435" i="1"/>
  <c r="E1435" i="1" s="1"/>
  <c r="E1434" i="1"/>
  <c r="D1434" i="1"/>
  <c r="D1433" i="1"/>
  <c r="E1433" i="1" s="1"/>
  <c r="E1432" i="1"/>
  <c r="D1432" i="1"/>
  <c r="D1431" i="1"/>
  <c r="E1431" i="1" s="1"/>
  <c r="E1430" i="1"/>
  <c r="D1430" i="1"/>
  <c r="D1429" i="1"/>
  <c r="E1429" i="1" s="1"/>
  <c r="E1428" i="1"/>
  <c r="D1428" i="1"/>
  <c r="D1427" i="1"/>
  <c r="E1427" i="1" s="1"/>
  <c r="E1426" i="1"/>
  <c r="D1426" i="1"/>
  <c r="D1425" i="1"/>
  <c r="E1425" i="1" s="1"/>
  <c r="E1424" i="1"/>
  <c r="D1424" i="1"/>
  <c r="D1423" i="1"/>
  <c r="E1423" i="1" s="1"/>
  <c r="E1422" i="1"/>
  <c r="D1422" i="1"/>
  <c r="D1421" i="1"/>
  <c r="E1421" i="1" s="1"/>
  <c r="E1420" i="1"/>
  <c r="D1420" i="1"/>
  <c r="D1419" i="1"/>
  <c r="E1419" i="1" s="1"/>
  <c r="E1418" i="1"/>
  <c r="D1418" i="1"/>
  <c r="D1417" i="1"/>
  <c r="E1417" i="1" s="1"/>
  <c r="E1416" i="1"/>
  <c r="D1416" i="1"/>
  <c r="D1415" i="1"/>
  <c r="E1415" i="1" s="1"/>
  <c r="E1414" i="1"/>
  <c r="D1414" i="1"/>
  <c r="D1413" i="1"/>
  <c r="E1413" i="1" s="1"/>
  <c r="E1412" i="1"/>
  <c r="D1412" i="1"/>
  <c r="D1411" i="1"/>
  <c r="E1411" i="1" s="1"/>
  <c r="E1410" i="1"/>
  <c r="D1410" i="1"/>
  <c r="D1409" i="1"/>
  <c r="E1409" i="1" s="1"/>
  <c r="E1408" i="1"/>
  <c r="D1408" i="1"/>
  <c r="D1407" i="1"/>
  <c r="E1407" i="1" s="1"/>
  <c r="E1406" i="1"/>
  <c r="D1406" i="1"/>
  <c r="D1405" i="1"/>
  <c r="E1405" i="1" s="1"/>
  <c r="E1404" i="1"/>
  <c r="D1404" i="1"/>
  <c r="D1403" i="1"/>
  <c r="E1403" i="1" s="1"/>
  <c r="E1402" i="1"/>
  <c r="D1402" i="1"/>
  <c r="D1401" i="1"/>
  <c r="E1401" i="1" s="1"/>
  <c r="E1400" i="1"/>
  <c r="D1400" i="1"/>
  <c r="D1399" i="1"/>
  <c r="E1399" i="1" s="1"/>
  <c r="E1398" i="1"/>
  <c r="D1398" i="1"/>
  <c r="D1397" i="1"/>
  <c r="E1397" i="1" s="1"/>
  <c r="E1396" i="1"/>
  <c r="D1396" i="1"/>
  <c r="D1395" i="1"/>
  <c r="E1395" i="1" s="1"/>
  <c r="E1394" i="1"/>
  <c r="D1394" i="1"/>
  <c r="D1393" i="1"/>
  <c r="E1393" i="1" s="1"/>
  <c r="E1392" i="1"/>
  <c r="D1392" i="1"/>
  <c r="D1391" i="1"/>
  <c r="E1391" i="1" s="1"/>
  <c r="E1390" i="1"/>
  <c r="D1390" i="1"/>
  <c r="D1389" i="1"/>
  <c r="E1389" i="1" s="1"/>
  <c r="E1388" i="1"/>
  <c r="D1388" i="1"/>
  <c r="D1387" i="1"/>
  <c r="E1387" i="1" s="1"/>
  <c r="E1386" i="1"/>
  <c r="D1386" i="1"/>
  <c r="D1385" i="1"/>
  <c r="E1385" i="1" s="1"/>
  <c r="E1384" i="1"/>
  <c r="D1384" i="1"/>
  <c r="D1383" i="1"/>
  <c r="E1383" i="1" s="1"/>
  <c r="E1382" i="1"/>
  <c r="D1382" i="1"/>
  <c r="D1381" i="1"/>
  <c r="E1381" i="1" s="1"/>
  <c r="E1380" i="1"/>
  <c r="D1380" i="1"/>
  <c r="D1379" i="1"/>
  <c r="E1379" i="1" s="1"/>
  <c r="E1378" i="1"/>
  <c r="D1378" i="1"/>
  <c r="D1377" i="1"/>
  <c r="E1377" i="1" s="1"/>
  <c r="E1376" i="1"/>
  <c r="D1376" i="1"/>
  <c r="D1375" i="1"/>
  <c r="E1375" i="1" s="1"/>
  <c r="E1374" i="1"/>
  <c r="D1374" i="1"/>
  <c r="D1373" i="1"/>
  <c r="E1373" i="1" s="1"/>
  <c r="E1372" i="1"/>
  <c r="D1372" i="1"/>
  <c r="D1371" i="1"/>
  <c r="E1371" i="1" s="1"/>
  <c r="E1370" i="1"/>
  <c r="D1370" i="1"/>
  <c r="D1369" i="1"/>
  <c r="E1369" i="1" s="1"/>
  <c r="E1368" i="1"/>
  <c r="D1368" i="1"/>
  <c r="D1367" i="1"/>
  <c r="E1367" i="1" s="1"/>
  <c r="E1366" i="1"/>
  <c r="D1366" i="1"/>
  <c r="D1365" i="1"/>
  <c r="E1365" i="1" s="1"/>
  <c r="E1364" i="1"/>
  <c r="D1364" i="1"/>
  <c r="D1363" i="1"/>
  <c r="E1363" i="1" s="1"/>
  <c r="E1362" i="1"/>
  <c r="D1362" i="1"/>
  <c r="D1361" i="1"/>
  <c r="E1361" i="1" s="1"/>
  <c r="E1360" i="1"/>
  <c r="D1360" i="1"/>
  <c r="D1359" i="1"/>
  <c r="E1359" i="1" s="1"/>
  <c r="E1358" i="1"/>
  <c r="D1358" i="1"/>
  <c r="D1357" i="1"/>
  <c r="E1357" i="1" s="1"/>
  <c r="E1356" i="1"/>
  <c r="D1356" i="1"/>
  <c r="D1355" i="1"/>
  <c r="E1355" i="1" s="1"/>
  <c r="E1354" i="1"/>
  <c r="D1354" i="1"/>
  <c r="D1353" i="1"/>
  <c r="E1353" i="1" s="1"/>
  <c r="E1352" i="1"/>
  <c r="D1352" i="1"/>
  <c r="D1351" i="1"/>
  <c r="E1351" i="1" s="1"/>
  <c r="E1350" i="1"/>
  <c r="D1350" i="1"/>
  <c r="D1349" i="1"/>
  <c r="E1349" i="1" s="1"/>
  <c r="E1348" i="1"/>
  <c r="D1348" i="1"/>
  <c r="D1347" i="1"/>
  <c r="E1347" i="1" s="1"/>
  <c r="E1346" i="1"/>
  <c r="D1346" i="1"/>
  <c r="D1345" i="1"/>
  <c r="E1345" i="1" s="1"/>
  <c r="E1344" i="1"/>
  <c r="D1344" i="1"/>
  <c r="D1343" i="1"/>
  <c r="E1343" i="1" s="1"/>
  <c r="E1342" i="1"/>
  <c r="D1342" i="1"/>
  <c r="D1341" i="1"/>
  <c r="E1341" i="1" s="1"/>
  <c r="E1340" i="1"/>
  <c r="D1340" i="1"/>
  <c r="D1339" i="1"/>
  <c r="E1339" i="1" s="1"/>
  <c r="E1338" i="1"/>
  <c r="D1338" i="1"/>
  <c r="D1337" i="1"/>
  <c r="E1337" i="1" s="1"/>
  <c r="E1336" i="1"/>
  <c r="D1336" i="1"/>
  <c r="D1335" i="1"/>
  <c r="E1335" i="1" s="1"/>
  <c r="E1334" i="1"/>
  <c r="D1334" i="1"/>
  <c r="D1333" i="1"/>
  <c r="E1333" i="1" s="1"/>
  <c r="E1332" i="1"/>
  <c r="D1332" i="1"/>
  <c r="D1331" i="1"/>
  <c r="E1331" i="1" s="1"/>
  <c r="E1330" i="1"/>
  <c r="D1330" i="1"/>
  <c r="D1329" i="1"/>
  <c r="E1329" i="1" s="1"/>
  <c r="E1328" i="1"/>
  <c r="D1328" i="1"/>
  <c r="D1327" i="1"/>
  <c r="E1327" i="1" s="1"/>
  <c r="E1326" i="1"/>
  <c r="D1326" i="1"/>
  <c r="D1325" i="1"/>
  <c r="E1325" i="1" s="1"/>
  <c r="E1324" i="1"/>
  <c r="D1324" i="1"/>
  <c r="D1323" i="1"/>
  <c r="E1323" i="1" s="1"/>
  <c r="E1322" i="1"/>
  <c r="D1322" i="1"/>
  <c r="D1321" i="1"/>
  <c r="E1321" i="1" s="1"/>
  <c r="E1320" i="1"/>
  <c r="D1320" i="1"/>
  <c r="D1319" i="1"/>
  <c r="E1319" i="1" s="1"/>
  <c r="E1318" i="1"/>
  <c r="D1318" i="1"/>
  <c r="D1317" i="1"/>
  <c r="E1317" i="1" s="1"/>
  <c r="E1316" i="1"/>
  <c r="D1316" i="1"/>
  <c r="D1315" i="1"/>
  <c r="E1315" i="1" s="1"/>
  <c r="E1314" i="1"/>
  <c r="D1314" i="1"/>
  <c r="D1313" i="1"/>
  <c r="E1313" i="1" s="1"/>
  <c r="E1312" i="1"/>
  <c r="D1312" i="1"/>
  <c r="D1311" i="1"/>
  <c r="E1311" i="1" s="1"/>
  <c r="E1310" i="1"/>
  <c r="D1310" i="1"/>
  <c r="D1309" i="1"/>
  <c r="E1309" i="1" s="1"/>
  <c r="E1308" i="1"/>
  <c r="D1308" i="1"/>
  <c r="D1307" i="1"/>
  <c r="E1307" i="1" s="1"/>
  <c r="E1306" i="1"/>
  <c r="D1306" i="1"/>
  <c r="D1305" i="1"/>
  <c r="E1305" i="1" s="1"/>
  <c r="E1304" i="1"/>
  <c r="D1304" i="1"/>
  <c r="D1303" i="1"/>
  <c r="E1303" i="1" s="1"/>
  <c r="E1302" i="1"/>
  <c r="D1302" i="1"/>
  <c r="D1301" i="1"/>
  <c r="E1301" i="1" s="1"/>
  <c r="E1300" i="1"/>
  <c r="D1300" i="1"/>
  <c r="D1299" i="1"/>
  <c r="E1299" i="1" s="1"/>
  <c r="E1298" i="1"/>
  <c r="D1298" i="1"/>
  <c r="D1297" i="1"/>
  <c r="E1297" i="1" s="1"/>
  <c r="E1296" i="1"/>
  <c r="D1296" i="1"/>
  <c r="D1295" i="1"/>
  <c r="E1295" i="1" s="1"/>
  <c r="E1294" i="1"/>
  <c r="D1294" i="1"/>
  <c r="D1293" i="1"/>
  <c r="E1293" i="1" s="1"/>
  <c r="E1292" i="1"/>
  <c r="D1292" i="1"/>
  <c r="D1291" i="1"/>
  <c r="E1291" i="1" s="1"/>
  <c r="E1290" i="1"/>
  <c r="D1290" i="1"/>
  <c r="D1289" i="1"/>
  <c r="E1289" i="1" s="1"/>
  <c r="E1288" i="1"/>
  <c r="D1288" i="1"/>
  <c r="D1287" i="1"/>
  <c r="E1287" i="1" s="1"/>
  <c r="E1286" i="1"/>
  <c r="D1286" i="1"/>
  <c r="D1285" i="1"/>
  <c r="E1285" i="1" s="1"/>
  <c r="E1284" i="1"/>
  <c r="D1284" i="1"/>
  <c r="D1283" i="1"/>
  <c r="E1283" i="1" s="1"/>
  <c r="E1282" i="1"/>
  <c r="D1282" i="1"/>
  <c r="D1281" i="1"/>
  <c r="E1281" i="1" s="1"/>
  <c r="E1280" i="1"/>
  <c r="D1280" i="1"/>
  <c r="D1279" i="1"/>
  <c r="E1279" i="1" s="1"/>
  <c r="E1278" i="1"/>
  <c r="D1278" i="1"/>
  <c r="D1277" i="1"/>
  <c r="E1277" i="1" s="1"/>
  <c r="E1276" i="1"/>
  <c r="D1276" i="1"/>
  <c r="D1275" i="1"/>
  <c r="E1275" i="1" s="1"/>
  <c r="E1274" i="1"/>
  <c r="D1274" i="1"/>
  <c r="D1273" i="1"/>
  <c r="E1273" i="1" s="1"/>
  <c r="E1272" i="1"/>
  <c r="D1272" i="1"/>
  <c r="D1271" i="1"/>
  <c r="E1271" i="1" s="1"/>
  <c r="E1270" i="1"/>
  <c r="D1270" i="1"/>
  <c r="D1269" i="1"/>
  <c r="E1269" i="1" s="1"/>
  <c r="E1268" i="1"/>
  <c r="D1268" i="1"/>
  <c r="D1267" i="1"/>
  <c r="E1267" i="1" s="1"/>
  <c r="E1266" i="1"/>
  <c r="D1266" i="1"/>
  <c r="D1265" i="1"/>
  <c r="E1265" i="1" s="1"/>
  <c r="E1264" i="1"/>
  <c r="D1264" i="1"/>
  <c r="D1263" i="1"/>
  <c r="E1263" i="1" s="1"/>
  <c r="E1262" i="1"/>
  <c r="D1262" i="1"/>
  <c r="D1261" i="1"/>
  <c r="E1261" i="1" s="1"/>
  <c r="E1260" i="1"/>
  <c r="D1260" i="1"/>
  <c r="D1259" i="1"/>
  <c r="E1259" i="1" s="1"/>
  <c r="E1258" i="1"/>
  <c r="D1258" i="1"/>
  <c r="D1257" i="1"/>
  <c r="E1257" i="1" s="1"/>
  <c r="E1256" i="1"/>
  <c r="D1256" i="1"/>
  <c r="D1255" i="1"/>
  <c r="E1255" i="1" s="1"/>
  <c r="E1254" i="1"/>
  <c r="D1254" i="1"/>
  <c r="D1253" i="1"/>
  <c r="E1253" i="1" s="1"/>
  <c r="E1252" i="1"/>
  <c r="D1252" i="1"/>
  <c r="D1251" i="1"/>
  <c r="E1251" i="1" s="1"/>
  <c r="E1250" i="1"/>
  <c r="D1250" i="1"/>
  <c r="D1249" i="1"/>
  <c r="E1249" i="1" s="1"/>
  <c r="E1248" i="1"/>
  <c r="D1248" i="1"/>
  <c r="D1247" i="1"/>
  <c r="E1247" i="1" s="1"/>
  <c r="E1246" i="1"/>
  <c r="D1246" i="1"/>
  <c r="D1245" i="1"/>
  <c r="E1245" i="1" s="1"/>
  <c r="E1244" i="1"/>
  <c r="D1244" i="1"/>
  <c r="D1243" i="1"/>
  <c r="E1243" i="1" s="1"/>
  <c r="E1242" i="1"/>
  <c r="D1242" i="1"/>
  <c r="D1241" i="1"/>
  <c r="E1241" i="1" s="1"/>
  <c r="E1240" i="1"/>
  <c r="D1240" i="1"/>
  <c r="D1239" i="1"/>
  <c r="E1239" i="1" s="1"/>
  <c r="E1238" i="1"/>
  <c r="D1238" i="1"/>
  <c r="D1237" i="1"/>
  <c r="E1237" i="1" s="1"/>
  <c r="E1236" i="1"/>
  <c r="D1236" i="1"/>
  <c r="D1235" i="1"/>
  <c r="E1235" i="1" s="1"/>
  <c r="E1234" i="1"/>
  <c r="D1234" i="1"/>
  <c r="D1233" i="1"/>
  <c r="E1233" i="1" s="1"/>
  <c r="E1232" i="1"/>
  <c r="D1232" i="1"/>
  <c r="D1231" i="1"/>
  <c r="E1231" i="1" s="1"/>
  <c r="E1230" i="1"/>
  <c r="D1230" i="1"/>
  <c r="D1229" i="1"/>
  <c r="E1229" i="1" s="1"/>
  <c r="E1228" i="1"/>
  <c r="D1228" i="1"/>
  <c r="D1227" i="1"/>
  <c r="E1227" i="1" s="1"/>
  <c r="E1226" i="1"/>
  <c r="D1226" i="1"/>
  <c r="D1225" i="1"/>
  <c r="E1225" i="1" s="1"/>
  <c r="E1224" i="1"/>
  <c r="D1224" i="1"/>
  <c r="D1223" i="1"/>
  <c r="E1223" i="1" s="1"/>
  <c r="E1222" i="1"/>
  <c r="D1222" i="1"/>
  <c r="D1221" i="1"/>
  <c r="E1221" i="1" s="1"/>
  <c r="E1220" i="1"/>
  <c r="D1220" i="1"/>
  <c r="D1219" i="1"/>
  <c r="E1219" i="1" s="1"/>
  <c r="E1218" i="1"/>
  <c r="D1218" i="1"/>
  <c r="D1217" i="1"/>
  <c r="E1217" i="1" s="1"/>
  <c r="E1216" i="1"/>
  <c r="D1216" i="1"/>
  <c r="D1215" i="1"/>
  <c r="E1215" i="1" s="1"/>
  <c r="E1214" i="1"/>
  <c r="D1214" i="1"/>
  <c r="D1213" i="1"/>
  <c r="E1213" i="1" s="1"/>
  <c r="E1212" i="1"/>
  <c r="D1212" i="1"/>
  <c r="D1211" i="1"/>
  <c r="E1211" i="1" s="1"/>
  <c r="E1210" i="1"/>
  <c r="D1210" i="1"/>
  <c r="D1209" i="1"/>
  <c r="E1209" i="1" s="1"/>
  <c r="E1208" i="1"/>
  <c r="D1208" i="1"/>
  <c r="D1207" i="1"/>
  <c r="E1207" i="1" s="1"/>
  <c r="E1206" i="1"/>
  <c r="D1206" i="1"/>
  <c r="D1205" i="1"/>
  <c r="E1205" i="1" s="1"/>
  <c r="E1204" i="1"/>
  <c r="D1204" i="1"/>
  <c r="D1203" i="1"/>
  <c r="E1203" i="1" s="1"/>
  <c r="E1202" i="1"/>
  <c r="D1202" i="1"/>
  <c r="D1201" i="1"/>
  <c r="E1201" i="1" s="1"/>
  <c r="E1200" i="1"/>
  <c r="D1200" i="1"/>
  <c r="D1199" i="1"/>
  <c r="E1199" i="1" s="1"/>
  <c r="E1198" i="1"/>
  <c r="D1198" i="1"/>
  <c r="D1197" i="1"/>
  <c r="E1197" i="1" s="1"/>
  <c r="E1196" i="1"/>
  <c r="D1196" i="1"/>
  <c r="D1195" i="1"/>
  <c r="E1195" i="1" s="1"/>
  <c r="E1194" i="1"/>
  <c r="D1194" i="1"/>
  <c r="D1193" i="1"/>
  <c r="E1193" i="1" s="1"/>
  <c r="E1192" i="1"/>
  <c r="D1192" i="1"/>
  <c r="D1191" i="1"/>
  <c r="E1191" i="1" s="1"/>
  <c r="E1190" i="1"/>
  <c r="D1190" i="1"/>
  <c r="D1189" i="1"/>
  <c r="E1189" i="1" s="1"/>
  <c r="E1188" i="1"/>
  <c r="D1188" i="1"/>
  <c r="D1187" i="1"/>
  <c r="E1187" i="1" s="1"/>
  <c r="E1186" i="1"/>
  <c r="D1186" i="1"/>
  <c r="D1185" i="1"/>
  <c r="E1185" i="1" s="1"/>
  <c r="E1184" i="1"/>
  <c r="D1184" i="1"/>
  <c r="D1183" i="1"/>
  <c r="E1183" i="1" s="1"/>
  <c r="E1182" i="1"/>
  <c r="D1182" i="1"/>
  <c r="D1181" i="1"/>
  <c r="E1181" i="1" s="1"/>
  <c r="E1180" i="1"/>
  <c r="D1180" i="1"/>
  <c r="D1179" i="1"/>
  <c r="E1179" i="1" s="1"/>
  <c r="E1178" i="1"/>
  <c r="D1178" i="1"/>
  <c r="D1177" i="1"/>
  <c r="E1177" i="1" s="1"/>
  <c r="E1176" i="1"/>
  <c r="D1176" i="1"/>
  <c r="D1175" i="1"/>
  <c r="E1175" i="1" s="1"/>
  <c r="E1174" i="1"/>
  <c r="D1174" i="1"/>
  <c r="D1173" i="1"/>
  <c r="E1173" i="1" s="1"/>
  <c r="E1172" i="1"/>
  <c r="D1172" i="1"/>
  <c r="D1171" i="1"/>
  <c r="E1171" i="1" s="1"/>
  <c r="E1170" i="1"/>
  <c r="D1170" i="1"/>
  <c r="D1169" i="1"/>
  <c r="E1169" i="1" s="1"/>
  <c r="E1168" i="1"/>
  <c r="D1168" i="1"/>
  <c r="D1167" i="1"/>
  <c r="E1167" i="1" s="1"/>
  <c r="E1166" i="1"/>
  <c r="D1166" i="1"/>
  <c r="D1165" i="1"/>
  <c r="E1165" i="1" s="1"/>
  <c r="E1164" i="1"/>
  <c r="D1164" i="1"/>
  <c r="D1163" i="1"/>
  <c r="E1163" i="1" s="1"/>
  <c r="E1162" i="1"/>
  <c r="D1162" i="1"/>
  <c r="D1161" i="1"/>
  <c r="E1161" i="1" s="1"/>
  <c r="E1160" i="1"/>
  <c r="D1160" i="1"/>
  <c r="D1159" i="1"/>
  <c r="E1159" i="1" s="1"/>
  <c r="E1158" i="1"/>
  <c r="D1158" i="1"/>
  <c r="D1157" i="1"/>
  <c r="E1157" i="1" s="1"/>
  <c r="E1156" i="1"/>
  <c r="D1156" i="1"/>
  <c r="D1155" i="1"/>
  <c r="E1155" i="1" s="1"/>
  <c r="E1154" i="1"/>
  <c r="D1154" i="1"/>
  <c r="D1153" i="1"/>
  <c r="E1153" i="1" s="1"/>
  <c r="E1152" i="1"/>
  <c r="D1152" i="1"/>
  <c r="D1151" i="1"/>
  <c r="E1151" i="1" s="1"/>
  <c r="E1150" i="1"/>
  <c r="D1150" i="1"/>
  <c r="D1149" i="1"/>
  <c r="E1149" i="1" s="1"/>
  <c r="E1148" i="1"/>
  <c r="D1148" i="1"/>
  <c r="D1147" i="1"/>
  <c r="E1147" i="1" s="1"/>
  <c r="E1146" i="1"/>
  <c r="D1146" i="1"/>
  <c r="D1145" i="1"/>
  <c r="E1145" i="1" s="1"/>
  <c r="E1144" i="1"/>
  <c r="D1144" i="1"/>
  <c r="D1143" i="1"/>
  <c r="E1143" i="1" s="1"/>
  <c r="E1142" i="1"/>
  <c r="D1142" i="1"/>
  <c r="D1141" i="1"/>
  <c r="E1141" i="1" s="1"/>
  <c r="E1140" i="1"/>
  <c r="D1140" i="1"/>
  <c r="D1139" i="1"/>
  <c r="E1139" i="1" s="1"/>
  <c r="E1138" i="1"/>
  <c r="D1138" i="1"/>
  <c r="D1137" i="1"/>
  <c r="E1137" i="1" s="1"/>
  <c r="E1136" i="1"/>
  <c r="D1136" i="1"/>
  <c r="D1135" i="1"/>
  <c r="E1135" i="1" s="1"/>
  <c r="E1134" i="1"/>
  <c r="D1134" i="1"/>
  <c r="D1133" i="1"/>
  <c r="E1133" i="1" s="1"/>
  <c r="E1132" i="1"/>
  <c r="D1132" i="1"/>
  <c r="D1131" i="1"/>
  <c r="E1131" i="1" s="1"/>
  <c r="E1130" i="1"/>
  <c r="D1130" i="1"/>
  <c r="D1129" i="1"/>
  <c r="E1129" i="1" s="1"/>
  <c r="E1128" i="1"/>
  <c r="D1128" i="1"/>
  <c r="D1127" i="1"/>
  <c r="E1127" i="1" s="1"/>
  <c r="E1126" i="1"/>
  <c r="D1126" i="1"/>
  <c r="D1125" i="1"/>
  <c r="E1125" i="1" s="1"/>
  <c r="E1124" i="1"/>
  <c r="D1124" i="1"/>
  <c r="D1123" i="1"/>
  <c r="E1123" i="1" s="1"/>
  <c r="E1122" i="1"/>
  <c r="D1122" i="1"/>
  <c r="D1121" i="1"/>
  <c r="E1121" i="1" s="1"/>
  <c r="E1120" i="1"/>
  <c r="D1120" i="1"/>
  <c r="D1119" i="1"/>
  <c r="E1119" i="1" s="1"/>
  <c r="E1118" i="1"/>
  <c r="D1118" i="1"/>
  <c r="D1117" i="1"/>
  <c r="E1117" i="1" s="1"/>
  <c r="E1116" i="1"/>
  <c r="D1116" i="1"/>
  <c r="D1115" i="1"/>
  <c r="E1115" i="1" s="1"/>
  <c r="E1114" i="1"/>
  <c r="D1114" i="1"/>
  <c r="D1113" i="1"/>
  <c r="E1113" i="1" s="1"/>
  <c r="E1112" i="1"/>
  <c r="D1112" i="1"/>
  <c r="D1111" i="1"/>
  <c r="E1111" i="1" s="1"/>
  <c r="E1110" i="1"/>
  <c r="D1110" i="1"/>
  <c r="D1109" i="1"/>
  <c r="E1109" i="1" s="1"/>
  <c r="E1108" i="1"/>
  <c r="D1108" i="1"/>
  <c r="D1107" i="1"/>
  <c r="E1107" i="1" s="1"/>
  <c r="E1106" i="1"/>
  <c r="D1106" i="1"/>
  <c r="D1105" i="1"/>
  <c r="E1105" i="1" s="1"/>
  <c r="E1104" i="1"/>
  <c r="D1104" i="1"/>
  <c r="D1103" i="1"/>
  <c r="E1103" i="1" s="1"/>
  <c r="E1102" i="1"/>
  <c r="D1102" i="1"/>
  <c r="D1101" i="1"/>
  <c r="E1101" i="1" s="1"/>
  <c r="E1100" i="1"/>
  <c r="D1100" i="1"/>
  <c r="D1099" i="1"/>
  <c r="E1099" i="1" s="1"/>
  <c r="E1098" i="1"/>
  <c r="D1098" i="1"/>
  <c r="D1097" i="1"/>
  <c r="E1097" i="1" s="1"/>
  <c r="E1096" i="1"/>
  <c r="D1096" i="1"/>
  <c r="D1095" i="1"/>
  <c r="E1095" i="1" s="1"/>
  <c r="E1094" i="1"/>
  <c r="D1094" i="1"/>
  <c r="D1093" i="1"/>
  <c r="E1093" i="1" s="1"/>
  <c r="E1092" i="1"/>
  <c r="D1092" i="1"/>
  <c r="D1091" i="1"/>
  <c r="E1091" i="1" s="1"/>
  <c r="E1090" i="1"/>
  <c r="D1090" i="1"/>
  <c r="D1089" i="1"/>
  <c r="E1089" i="1" s="1"/>
  <c r="E1088" i="1"/>
  <c r="D1088" i="1"/>
  <c r="D1087" i="1"/>
  <c r="E1087" i="1" s="1"/>
  <c r="E1086" i="1"/>
  <c r="D1086" i="1"/>
  <c r="D1085" i="1"/>
  <c r="E1085" i="1" s="1"/>
  <c r="E1084" i="1"/>
  <c r="D1084" i="1"/>
  <c r="D1083" i="1"/>
  <c r="E1083" i="1" s="1"/>
  <c r="E1082" i="1"/>
  <c r="D1082" i="1"/>
  <c r="D1081" i="1"/>
  <c r="E1081" i="1" s="1"/>
  <c r="E1080" i="1"/>
  <c r="D1080" i="1"/>
  <c r="D1079" i="1"/>
  <c r="E1079" i="1" s="1"/>
  <c r="E1078" i="1"/>
  <c r="D1078" i="1"/>
  <c r="D1077" i="1"/>
  <c r="E1077" i="1" s="1"/>
  <c r="E1076" i="1"/>
  <c r="D1076" i="1"/>
  <c r="D1075" i="1"/>
  <c r="E1075" i="1" s="1"/>
  <c r="E1074" i="1"/>
  <c r="D1074" i="1"/>
  <c r="D1073" i="1"/>
  <c r="E1073" i="1" s="1"/>
  <c r="E1072" i="1"/>
  <c r="D1072" i="1"/>
  <c r="D1071" i="1"/>
  <c r="E1071" i="1" s="1"/>
  <c r="E1070" i="1"/>
  <c r="D1070" i="1"/>
  <c r="D1069" i="1"/>
  <c r="E1069" i="1" s="1"/>
  <c r="E1068" i="1"/>
  <c r="D1068" i="1"/>
  <c r="D1067" i="1"/>
  <c r="E1067" i="1" s="1"/>
  <c r="E1066" i="1"/>
  <c r="D1066" i="1"/>
  <c r="D1065" i="1"/>
  <c r="E1065" i="1" s="1"/>
  <c r="E1064" i="1"/>
  <c r="D1064" i="1"/>
  <c r="D1063" i="1"/>
  <c r="E1063" i="1" s="1"/>
  <c r="E1062" i="1"/>
  <c r="D1062" i="1"/>
  <c r="D1061" i="1"/>
  <c r="E1061" i="1" s="1"/>
  <c r="E1060" i="1"/>
  <c r="D1060" i="1"/>
  <c r="D1059" i="1"/>
  <c r="E1059" i="1" s="1"/>
  <c r="E1058" i="1"/>
  <c r="D1058" i="1"/>
  <c r="D1057" i="1"/>
  <c r="E1057" i="1" s="1"/>
  <c r="E1056" i="1"/>
  <c r="D1056" i="1"/>
  <c r="D1055" i="1"/>
  <c r="E1055" i="1" s="1"/>
  <c r="E1054" i="1"/>
  <c r="D1054" i="1"/>
  <c r="D1053" i="1"/>
  <c r="E1053" i="1" s="1"/>
  <c r="E1052" i="1"/>
  <c r="D1052" i="1"/>
  <c r="D1051" i="1"/>
  <c r="E1051" i="1" s="1"/>
  <c r="E1050" i="1"/>
  <c r="D1050" i="1"/>
  <c r="D1049" i="1"/>
  <c r="E1049" i="1" s="1"/>
  <c r="E1048" i="1"/>
  <c r="D1048" i="1"/>
  <c r="D1047" i="1"/>
  <c r="E1047" i="1" s="1"/>
  <c r="E1046" i="1"/>
  <c r="D1046" i="1"/>
  <c r="D1045" i="1"/>
  <c r="E1045" i="1" s="1"/>
  <c r="E1044" i="1"/>
  <c r="D1044" i="1"/>
  <c r="D1043" i="1"/>
  <c r="E1043" i="1" s="1"/>
  <c r="E1042" i="1"/>
  <c r="D1042" i="1"/>
  <c r="D1041" i="1"/>
  <c r="E1041" i="1" s="1"/>
  <c r="E1040" i="1"/>
  <c r="D1040" i="1"/>
  <c r="D1039" i="1"/>
  <c r="E1039" i="1" s="1"/>
  <c r="E1038" i="1"/>
  <c r="D1038" i="1"/>
  <c r="D1037" i="1"/>
  <c r="E1037" i="1" s="1"/>
  <c r="E1036" i="1"/>
  <c r="D1036" i="1"/>
  <c r="D1035" i="1"/>
  <c r="E1035" i="1" s="1"/>
  <c r="E1034" i="1"/>
  <c r="D1034" i="1"/>
  <c r="D1033" i="1"/>
  <c r="E1033" i="1" s="1"/>
  <c r="E1032" i="1"/>
  <c r="D1032" i="1"/>
  <c r="D1031" i="1"/>
  <c r="E1031" i="1" s="1"/>
  <c r="E1030" i="1"/>
  <c r="D1030" i="1"/>
  <c r="D1029" i="1"/>
  <c r="E1029" i="1" s="1"/>
  <c r="E1028" i="1"/>
  <c r="D1028" i="1"/>
  <c r="D1027" i="1"/>
  <c r="E1027" i="1" s="1"/>
  <c r="E1026" i="1"/>
  <c r="D1026" i="1"/>
  <c r="D1025" i="1"/>
  <c r="E1025" i="1" s="1"/>
  <c r="E1024" i="1"/>
  <c r="D1024" i="1"/>
  <c r="D1023" i="1"/>
  <c r="E1023" i="1" s="1"/>
  <c r="E1022" i="1"/>
  <c r="D1022" i="1"/>
  <c r="D1021" i="1"/>
  <c r="E1021" i="1" s="1"/>
  <c r="E1020" i="1"/>
  <c r="D1020" i="1"/>
  <c r="D1019" i="1"/>
  <c r="E1019" i="1" s="1"/>
  <c r="E1018" i="1"/>
  <c r="D1018" i="1"/>
  <c r="D1017" i="1"/>
  <c r="E1017" i="1" s="1"/>
  <c r="E1016" i="1"/>
  <c r="D1016" i="1"/>
  <c r="D1015" i="1"/>
  <c r="E1015" i="1" s="1"/>
  <c r="E1014" i="1"/>
  <c r="D1014" i="1"/>
  <c r="D1013" i="1"/>
  <c r="E1013" i="1" s="1"/>
  <c r="E1012" i="1"/>
  <c r="D1012" i="1"/>
  <c r="D1011" i="1"/>
  <c r="E1011" i="1" s="1"/>
  <c r="E1010" i="1"/>
  <c r="D1010" i="1"/>
  <c r="D1009" i="1"/>
  <c r="E1009" i="1" s="1"/>
  <c r="E1008" i="1"/>
  <c r="D1008" i="1"/>
  <c r="D1007" i="1"/>
  <c r="E1007" i="1" s="1"/>
  <c r="E1006" i="1"/>
  <c r="D1006" i="1"/>
  <c r="D1005" i="1"/>
  <c r="E1005" i="1" s="1"/>
  <c r="E1004" i="1"/>
  <c r="D1004" i="1"/>
  <c r="D1003" i="1"/>
  <c r="E1003" i="1" s="1"/>
  <c r="E1002" i="1"/>
  <c r="D1002" i="1"/>
  <c r="D1001" i="1"/>
  <c r="E1001" i="1" s="1"/>
  <c r="E1000" i="1"/>
  <c r="D1000" i="1"/>
  <c r="D999" i="1"/>
  <c r="E999" i="1" s="1"/>
  <c r="E998" i="1"/>
  <c r="D998" i="1"/>
  <c r="D997" i="1"/>
  <c r="E997" i="1" s="1"/>
  <c r="E996" i="1"/>
  <c r="D996" i="1"/>
  <c r="D995" i="1"/>
  <c r="E995" i="1" s="1"/>
  <c r="E994" i="1"/>
  <c r="D994" i="1"/>
  <c r="D993" i="1"/>
  <c r="E993" i="1" s="1"/>
  <c r="E992" i="1"/>
  <c r="D992" i="1"/>
  <c r="D991" i="1"/>
  <c r="E991" i="1" s="1"/>
  <c r="E990" i="1"/>
  <c r="D990" i="1"/>
  <c r="D989" i="1"/>
  <c r="E989" i="1" s="1"/>
  <c r="E988" i="1"/>
  <c r="D988" i="1"/>
  <c r="D987" i="1"/>
  <c r="E987" i="1" s="1"/>
  <c r="E986" i="1"/>
  <c r="D986" i="1"/>
  <c r="D985" i="1"/>
  <c r="E985" i="1" s="1"/>
  <c r="E984" i="1"/>
  <c r="D984" i="1"/>
  <c r="D983" i="1"/>
  <c r="E983" i="1" s="1"/>
  <c r="E982" i="1"/>
  <c r="D982" i="1"/>
  <c r="D981" i="1"/>
  <c r="E981" i="1" s="1"/>
  <c r="E980" i="1"/>
  <c r="D980" i="1"/>
  <c r="D979" i="1"/>
  <c r="E979" i="1" s="1"/>
  <c r="E978" i="1"/>
  <c r="D978" i="1"/>
  <c r="D977" i="1"/>
  <c r="E977" i="1" s="1"/>
  <c r="E976" i="1"/>
  <c r="D976" i="1"/>
  <c r="D975" i="1"/>
  <c r="E975" i="1" s="1"/>
  <c r="E974" i="1"/>
  <c r="D974" i="1"/>
  <c r="D973" i="1"/>
  <c r="E973" i="1" s="1"/>
  <c r="E972" i="1"/>
  <c r="D972" i="1"/>
  <c r="D971" i="1"/>
  <c r="E971" i="1" s="1"/>
  <c r="E970" i="1"/>
  <c r="D970" i="1"/>
  <c r="D969" i="1"/>
  <c r="E969" i="1" s="1"/>
  <c r="E968" i="1"/>
  <c r="D968" i="1"/>
  <c r="D967" i="1"/>
  <c r="E967" i="1" s="1"/>
  <c r="E966" i="1"/>
  <c r="D966" i="1"/>
  <c r="D965" i="1"/>
  <c r="E965" i="1" s="1"/>
  <c r="E964" i="1"/>
  <c r="D964" i="1"/>
  <c r="D963" i="1"/>
  <c r="E963" i="1" s="1"/>
  <c r="E962" i="1"/>
  <c r="D962" i="1"/>
  <c r="D961" i="1"/>
  <c r="E961" i="1" s="1"/>
  <c r="E960" i="1"/>
  <c r="D960" i="1"/>
  <c r="D959" i="1"/>
  <c r="E959" i="1" s="1"/>
  <c r="E958" i="1"/>
  <c r="D958" i="1"/>
  <c r="D957" i="1"/>
  <c r="E957" i="1" s="1"/>
  <c r="E956" i="1"/>
  <c r="D956" i="1"/>
  <c r="D955" i="1"/>
  <c r="E955" i="1" s="1"/>
  <c r="E954" i="1"/>
  <c r="D954" i="1"/>
  <c r="D953" i="1"/>
  <c r="E953" i="1" s="1"/>
  <c r="E952" i="1"/>
  <c r="D952" i="1"/>
  <c r="D951" i="1"/>
  <c r="E951" i="1" s="1"/>
  <c r="E950" i="1"/>
  <c r="D950" i="1"/>
  <c r="D949" i="1"/>
  <c r="E949" i="1" s="1"/>
  <c r="E948" i="1"/>
  <c r="D948" i="1"/>
  <c r="D947" i="1"/>
  <c r="E947" i="1" s="1"/>
  <c r="E946" i="1"/>
  <c r="D946" i="1"/>
  <c r="D945" i="1"/>
  <c r="E945" i="1" s="1"/>
  <c r="E944" i="1"/>
  <c r="D944" i="1"/>
  <c r="D943" i="1"/>
  <c r="E943" i="1" s="1"/>
  <c r="E942" i="1"/>
  <c r="D942" i="1"/>
  <c r="D941" i="1"/>
  <c r="E941" i="1" s="1"/>
  <c r="E940" i="1"/>
  <c r="D940" i="1"/>
  <c r="E939" i="1"/>
  <c r="D939" i="1"/>
  <c r="E938" i="1"/>
  <c r="D938" i="1"/>
  <c r="E937" i="1"/>
  <c r="D937" i="1"/>
  <c r="E936" i="1"/>
  <c r="D936" i="1"/>
  <c r="E935" i="1"/>
  <c r="D935" i="1"/>
  <c r="E934" i="1"/>
  <c r="D934" i="1"/>
  <c r="E933" i="1"/>
  <c r="D933" i="1"/>
  <c r="E932" i="1"/>
  <c r="D932" i="1"/>
  <c r="E931" i="1"/>
  <c r="D931" i="1"/>
  <c r="E930" i="1"/>
  <c r="D930" i="1"/>
  <c r="E929" i="1"/>
  <c r="D929" i="1"/>
  <c r="E928" i="1"/>
  <c r="D928" i="1"/>
  <c r="E927" i="1"/>
  <c r="D927" i="1"/>
  <c r="E926" i="1"/>
  <c r="D926" i="1"/>
  <c r="E925" i="1"/>
  <c r="D925" i="1"/>
  <c r="E924" i="1"/>
  <c r="D924" i="1"/>
  <c r="E923" i="1"/>
  <c r="D923" i="1"/>
  <c r="E922" i="1"/>
  <c r="D922" i="1"/>
  <c r="E921" i="1"/>
  <c r="D921" i="1"/>
  <c r="E920" i="1"/>
  <c r="D920" i="1"/>
  <c r="E919" i="1"/>
  <c r="D919" i="1"/>
  <c r="E918" i="1"/>
  <c r="D918" i="1"/>
  <c r="E917" i="1"/>
  <c r="D917" i="1"/>
  <c r="E916" i="1"/>
  <c r="D916" i="1"/>
  <c r="E915" i="1"/>
  <c r="D915" i="1"/>
  <c r="E914" i="1"/>
  <c r="D914" i="1"/>
  <c r="E913" i="1"/>
  <c r="D913" i="1"/>
  <c r="E912" i="1"/>
  <c r="D912" i="1"/>
  <c r="E911" i="1"/>
  <c r="D911" i="1"/>
  <c r="E910" i="1"/>
  <c r="D910" i="1"/>
  <c r="E909" i="1"/>
  <c r="D909" i="1"/>
  <c r="E908" i="1"/>
  <c r="D908" i="1"/>
  <c r="E907" i="1"/>
  <c r="D907" i="1"/>
  <c r="E906" i="1"/>
  <c r="D906" i="1"/>
  <c r="E905" i="1"/>
  <c r="D905" i="1"/>
  <c r="E904" i="1"/>
  <c r="D904" i="1"/>
  <c r="E903" i="1"/>
  <c r="D903" i="1"/>
  <c r="E902" i="1"/>
  <c r="D902" i="1"/>
  <c r="E901" i="1"/>
  <c r="D901" i="1"/>
  <c r="E900" i="1"/>
  <c r="D900" i="1"/>
  <c r="E899" i="1"/>
  <c r="D899" i="1"/>
  <c r="E898" i="1"/>
  <c r="D898" i="1"/>
  <c r="E897" i="1"/>
  <c r="D897" i="1"/>
  <c r="E896" i="1"/>
  <c r="D896" i="1"/>
  <c r="E895" i="1"/>
  <c r="D895" i="1"/>
  <c r="E894" i="1"/>
  <c r="D894" i="1"/>
  <c r="E893" i="1"/>
  <c r="D893" i="1"/>
  <c r="E892" i="1"/>
  <c r="D892" i="1"/>
  <c r="E891" i="1"/>
  <c r="D891" i="1"/>
  <c r="E890" i="1"/>
  <c r="D890" i="1"/>
  <c r="E889" i="1"/>
  <c r="D889" i="1"/>
  <c r="E888" i="1"/>
  <c r="D888" i="1"/>
  <c r="E887" i="1"/>
  <c r="D887" i="1"/>
  <c r="E886" i="1"/>
  <c r="D886" i="1"/>
  <c r="E885" i="1"/>
  <c r="D885" i="1"/>
  <c r="E884" i="1"/>
  <c r="D884" i="1"/>
  <c r="E883" i="1"/>
  <c r="D883" i="1"/>
  <c r="E882" i="1"/>
  <c r="D882" i="1"/>
  <c r="E881" i="1"/>
  <c r="D881" i="1"/>
  <c r="E880" i="1"/>
  <c r="D880" i="1"/>
  <c r="E879" i="1"/>
  <c r="D879" i="1"/>
  <c r="E878" i="1"/>
  <c r="D878" i="1"/>
  <c r="E877" i="1"/>
  <c r="D877" i="1"/>
  <c r="E876" i="1"/>
  <c r="D876" i="1"/>
  <c r="E875" i="1"/>
  <c r="D875" i="1"/>
  <c r="E874" i="1"/>
  <c r="D874" i="1"/>
  <c r="E873" i="1"/>
  <c r="D873" i="1"/>
  <c r="E872" i="1"/>
  <c r="D872" i="1"/>
  <c r="E871" i="1"/>
  <c r="D871" i="1"/>
  <c r="E870" i="1"/>
  <c r="D870" i="1"/>
  <c r="E869" i="1"/>
  <c r="D869" i="1"/>
  <c r="E868" i="1"/>
  <c r="D868" i="1"/>
  <c r="E867" i="1"/>
  <c r="D867" i="1"/>
  <c r="E866" i="1"/>
  <c r="D866" i="1"/>
  <c r="E865" i="1"/>
  <c r="D865" i="1"/>
  <c r="E864" i="1"/>
  <c r="D864" i="1"/>
  <c r="E863" i="1"/>
  <c r="D863" i="1"/>
  <c r="E862" i="1"/>
  <c r="D862" i="1"/>
  <c r="E861" i="1"/>
  <c r="D861" i="1"/>
  <c r="E860" i="1"/>
  <c r="D860" i="1"/>
  <c r="E859" i="1"/>
  <c r="D859" i="1"/>
  <c r="E858" i="1"/>
  <c r="D858" i="1"/>
  <c r="E857" i="1"/>
  <c r="D857" i="1"/>
  <c r="E856" i="1"/>
  <c r="D856" i="1"/>
  <c r="E855" i="1"/>
  <c r="D855" i="1"/>
  <c r="E854" i="1"/>
  <c r="D854" i="1"/>
  <c r="E853" i="1"/>
  <c r="D853" i="1"/>
  <c r="E852" i="1"/>
  <c r="D852" i="1"/>
  <c r="E851" i="1"/>
  <c r="D851" i="1"/>
  <c r="E850" i="1"/>
  <c r="D850" i="1"/>
  <c r="E849" i="1"/>
  <c r="D849" i="1"/>
  <c r="E848" i="1"/>
  <c r="D848" i="1"/>
  <c r="E847" i="1"/>
  <c r="D847" i="1"/>
  <c r="E846" i="1"/>
  <c r="D846" i="1"/>
  <c r="E845" i="1"/>
  <c r="D845" i="1"/>
  <c r="E844" i="1"/>
  <c r="D844" i="1"/>
  <c r="E843" i="1"/>
  <c r="D843" i="1"/>
  <c r="E842" i="1"/>
  <c r="D842" i="1"/>
  <c r="E841" i="1"/>
  <c r="D841" i="1"/>
  <c r="E840" i="1"/>
  <c r="D840" i="1"/>
  <c r="E839" i="1"/>
  <c r="D839" i="1"/>
  <c r="E838" i="1"/>
  <c r="D838" i="1"/>
  <c r="E837" i="1"/>
  <c r="D837" i="1"/>
  <c r="E836" i="1"/>
  <c r="D836" i="1"/>
  <c r="E835" i="1"/>
  <c r="D835" i="1"/>
  <c r="E834" i="1"/>
  <c r="D834" i="1"/>
  <c r="E833" i="1"/>
  <c r="D833" i="1"/>
  <c r="E832" i="1"/>
  <c r="D832" i="1"/>
  <c r="E831" i="1"/>
  <c r="D831" i="1"/>
  <c r="E830" i="1"/>
  <c r="D830" i="1"/>
  <c r="E829" i="1"/>
  <c r="D829" i="1"/>
  <c r="E828" i="1"/>
  <c r="D828" i="1"/>
  <c r="E827" i="1"/>
  <c r="D827" i="1"/>
  <c r="E826" i="1"/>
  <c r="D826" i="1"/>
  <c r="E825" i="1"/>
  <c r="D825" i="1"/>
  <c r="E824" i="1"/>
  <c r="D824" i="1"/>
  <c r="E823" i="1"/>
  <c r="D823" i="1"/>
  <c r="E822" i="1"/>
  <c r="D822" i="1"/>
  <c r="E821" i="1"/>
  <c r="D821" i="1"/>
  <c r="E820" i="1"/>
  <c r="D820" i="1"/>
  <c r="E819" i="1"/>
  <c r="D819" i="1"/>
  <c r="E818" i="1"/>
  <c r="D818" i="1"/>
  <c r="E817" i="1"/>
  <c r="D817" i="1"/>
  <c r="E816" i="1"/>
  <c r="D816" i="1"/>
  <c r="E815" i="1"/>
  <c r="D815" i="1"/>
  <c r="E814" i="1"/>
  <c r="D814" i="1"/>
  <c r="E813" i="1"/>
  <c r="D813" i="1"/>
  <c r="E812" i="1"/>
  <c r="D812" i="1"/>
  <c r="E811" i="1"/>
  <c r="D811" i="1"/>
  <c r="E810" i="1"/>
  <c r="D810" i="1"/>
  <c r="E809" i="1"/>
  <c r="D809" i="1"/>
  <c r="E808" i="1"/>
  <c r="D808" i="1"/>
  <c r="E807" i="1"/>
  <c r="D807" i="1"/>
  <c r="E806" i="1"/>
  <c r="D806" i="1"/>
  <c r="E805" i="1"/>
  <c r="D805" i="1"/>
  <c r="E804" i="1"/>
  <c r="D804" i="1"/>
  <c r="E803" i="1"/>
  <c r="D803" i="1"/>
  <c r="E802" i="1"/>
  <c r="D802" i="1"/>
  <c r="E801" i="1"/>
  <c r="D801" i="1"/>
  <c r="E800" i="1"/>
  <c r="D800" i="1"/>
  <c r="E799" i="1"/>
  <c r="D799" i="1"/>
  <c r="E798" i="1"/>
  <c r="D798" i="1"/>
  <c r="E797" i="1"/>
  <c r="D797" i="1"/>
  <c r="E796" i="1"/>
  <c r="D796" i="1"/>
  <c r="E795" i="1"/>
  <c r="D795" i="1"/>
  <c r="E794" i="1"/>
  <c r="D794" i="1"/>
  <c r="E793" i="1"/>
  <c r="D793" i="1"/>
  <c r="E792" i="1"/>
  <c r="D792" i="1"/>
  <c r="E791" i="1"/>
  <c r="D791" i="1"/>
  <c r="E790" i="1"/>
  <c r="D790" i="1"/>
  <c r="E789" i="1"/>
  <c r="D789" i="1"/>
  <c r="E788" i="1"/>
  <c r="D788" i="1"/>
  <c r="E787" i="1"/>
  <c r="D787" i="1"/>
  <c r="E786" i="1"/>
  <c r="D786" i="1"/>
  <c r="E785" i="1"/>
  <c r="D785" i="1"/>
  <c r="E784" i="1"/>
  <c r="D784" i="1"/>
  <c r="E783" i="1"/>
  <c r="D783" i="1"/>
  <c r="E782" i="1"/>
  <c r="D782" i="1"/>
  <c r="E781" i="1"/>
  <c r="D781" i="1"/>
  <c r="E780" i="1"/>
  <c r="D780" i="1"/>
  <c r="E779" i="1"/>
  <c r="D779" i="1"/>
  <c r="E778" i="1"/>
  <c r="D778" i="1"/>
  <c r="E777" i="1"/>
  <c r="D777" i="1"/>
  <c r="E776" i="1"/>
  <c r="D776" i="1"/>
  <c r="E775" i="1"/>
  <c r="D775" i="1"/>
  <c r="E774" i="1"/>
  <c r="D774" i="1"/>
  <c r="E773" i="1"/>
  <c r="D773" i="1"/>
  <c r="E772" i="1"/>
  <c r="D772" i="1"/>
  <c r="E771" i="1"/>
  <c r="D771" i="1"/>
  <c r="E770" i="1"/>
  <c r="D770" i="1"/>
  <c r="E769" i="1"/>
  <c r="D769" i="1"/>
  <c r="E768" i="1"/>
  <c r="D768" i="1"/>
  <c r="E767" i="1"/>
  <c r="D767" i="1"/>
  <c r="E766" i="1"/>
  <c r="D766" i="1"/>
  <c r="E765" i="1"/>
  <c r="D765" i="1"/>
  <c r="E764" i="1"/>
  <c r="D764" i="1"/>
  <c r="E763" i="1"/>
  <c r="D763" i="1"/>
  <c r="E762" i="1"/>
  <c r="D762" i="1"/>
  <c r="E761" i="1"/>
  <c r="D761" i="1"/>
  <c r="E760" i="1"/>
  <c r="D760" i="1"/>
  <c r="E759" i="1"/>
  <c r="D759" i="1"/>
  <c r="E758" i="1"/>
  <c r="D758" i="1"/>
  <c r="E757" i="1"/>
  <c r="D757" i="1"/>
  <c r="E756" i="1"/>
  <c r="D756" i="1"/>
  <c r="E755" i="1"/>
  <c r="D755" i="1"/>
  <c r="E754" i="1"/>
  <c r="D754" i="1"/>
  <c r="E753" i="1"/>
  <c r="D753" i="1"/>
  <c r="E752" i="1"/>
  <c r="D752" i="1"/>
  <c r="E751" i="1"/>
  <c r="D751" i="1"/>
  <c r="E750" i="1"/>
  <c r="D750" i="1"/>
  <c r="E749" i="1"/>
  <c r="D749" i="1"/>
  <c r="E748" i="1"/>
  <c r="D748" i="1"/>
  <c r="E747" i="1"/>
  <c r="D747" i="1"/>
  <c r="E746" i="1"/>
  <c r="D746" i="1"/>
  <c r="E745" i="1"/>
  <c r="D745" i="1"/>
  <c r="E744" i="1"/>
  <c r="D744" i="1"/>
  <c r="E743" i="1"/>
  <c r="D743" i="1"/>
  <c r="E742" i="1"/>
  <c r="D742" i="1"/>
  <c r="E741" i="1"/>
  <c r="D741" i="1"/>
  <c r="E740" i="1"/>
  <c r="D740" i="1"/>
  <c r="E739" i="1"/>
  <c r="D739" i="1"/>
  <c r="E738" i="1"/>
  <c r="D738" i="1"/>
  <c r="E737" i="1"/>
  <c r="D737" i="1"/>
  <c r="E736" i="1"/>
  <c r="D736" i="1"/>
  <c r="E735" i="1"/>
  <c r="D735" i="1"/>
  <c r="E734" i="1"/>
  <c r="D734" i="1"/>
  <c r="E733" i="1"/>
  <c r="D733" i="1"/>
  <c r="E732" i="1"/>
  <c r="D732" i="1"/>
  <c r="E731" i="1"/>
  <c r="D731" i="1"/>
  <c r="E730" i="1"/>
  <c r="D730" i="1"/>
  <c r="E729" i="1"/>
  <c r="D729" i="1"/>
  <c r="E728" i="1"/>
  <c r="D728" i="1"/>
  <c r="E727" i="1"/>
  <c r="D727" i="1"/>
  <c r="E726" i="1"/>
  <c r="D726" i="1"/>
  <c r="E725" i="1"/>
  <c r="D725" i="1"/>
  <c r="E724" i="1"/>
  <c r="D724" i="1"/>
  <c r="E723" i="1"/>
  <c r="D723" i="1"/>
  <c r="E722" i="1"/>
  <c r="D722" i="1"/>
  <c r="E721" i="1"/>
  <c r="D721" i="1"/>
  <c r="E720" i="1"/>
  <c r="D720" i="1"/>
  <c r="E719" i="1"/>
  <c r="D719" i="1"/>
  <c r="E718" i="1"/>
  <c r="D718" i="1"/>
  <c r="E717" i="1"/>
  <c r="D717" i="1"/>
  <c r="E716" i="1"/>
  <c r="D716" i="1"/>
  <c r="E715" i="1"/>
  <c r="D715" i="1"/>
  <c r="E714" i="1"/>
  <c r="D714" i="1"/>
  <c r="E713" i="1"/>
  <c r="D713" i="1"/>
  <c r="E712" i="1"/>
  <c r="D712" i="1"/>
  <c r="E711" i="1"/>
  <c r="D711" i="1"/>
  <c r="E710" i="1"/>
  <c r="D710" i="1"/>
  <c r="E709" i="1"/>
  <c r="D709" i="1"/>
  <c r="E708" i="1"/>
  <c r="D708" i="1"/>
  <c r="E707" i="1"/>
  <c r="D707" i="1"/>
  <c r="E706" i="1"/>
  <c r="D706" i="1"/>
  <c r="E705" i="1"/>
  <c r="D705" i="1"/>
  <c r="E704" i="1"/>
  <c r="D704" i="1"/>
  <c r="E703" i="1"/>
  <c r="D703" i="1"/>
  <c r="E702" i="1"/>
  <c r="D702" i="1"/>
  <c r="E701" i="1"/>
  <c r="D701" i="1"/>
  <c r="E700" i="1"/>
  <c r="D700" i="1"/>
  <c r="E699" i="1"/>
  <c r="D699" i="1"/>
  <c r="E698" i="1"/>
  <c r="D698" i="1"/>
  <c r="E697" i="1"/>
  <c r="D697" i="1"/>
  <c r="E696" i="1"/>
  <c r="D696" i="1"/>
  <c r="E695" i="1"/>
  <c r="D695" i="1"/>
  <c r="E694" i="1"/>
  <c r="D694" i="1"/>
  <c r="E693" i="1"/>
  <c r="D693" i="1"/>
  <c r="E692" i="1"/>
  <c r="D692" i="1"/>
  <c r="E691" i="1"/>
  <c r="D691" i="1"/>
  <c r="E690" i="1"/>
  <c r="D690" i="1"/>
  <c r="E689" i="1"/>
  <c r="D689" i="1"/>
  <c r="E688" i="1"/>
  <c r="D688" i="1"/>
  <c r="E687" i="1"/>
  <c r="D687" i="1"/>
  <c r="E686" i="1"/>
  <c r="D686" i="1"/>
  <c r="E685" i="1"/>
  <c r="D685" i="1"/>
  <c r="E684" i="1"/>
  <c r="D684" i="1"/>
  <c r="E683" i="1"/>
  <c r="D683" i="1"/>
  <c r="E682" i="1"/>
  <c r="D682" i="1"/>
  <c r="E681" i="1"/>
  <c r="D681" i="1"/>
  <c r="E680" i="1"/>
  <c r="D680" i="1"/>
  <c r="E679" i="1"/>
  <c r="D679" i="1"/>
  <c r="E678" i="1"/>
  <c r="D678" i="1"/>
  <c r="E677" i="1"/>
  <c r="D677" i="1"/>
  <c r="E676" i="1"/>
  <c r="D676" i="1"/>
  <c r="E675" i="1"/>
  <c r="D675" i="1"/>
  <c r="E674" i="1"/>
  <c r="D674" i="1"/>
  <c r="E673" i="1"/>
  <c r="D673" i="1"/>
  <c r="E672" i="1"/>
  <c r="D672" i="1"/>
  <c r="E671" i="1"/>
  <c r="D671" i="1"/>
  <c r="E670" i="1"/>
  <c r="D670" i="1"/>
  <c r="E669" i="1"/>
  <c r="D669" i="1"/>
  <c r="E668" i="1"/>
  <c r="D668" i="1"/>
  <c r="E667" i="1"/>
  <c r="D667" i="1"/>
  <c r="E666" i="1"/>
  <c r="D666" i="1"/>
  <c r="E665" i="1"/>
  <c r="D665" i="1"/>
  <c r="E664" i="1"/>
  <c r="D664" i="1"/>
  <c r="E663" i="1"/>
  <c r="D663" i="1"/>
  <c r="E662" i="1"/>
  <c r="D662" i="1"/>
  <c r="E661" i="1"/>
  <c r="D661" i="1"/>
  <c r="E660" i="1"/>
  <c r="D660" i="1"/>
  <c r="E659" i="1"/>
  <c r="D659" i="1"/>
  <c r="E658" i="1"/>
  <c r="D658" i="1"/>
  <c r="E657" i="1"/>
  <c r="D657" i="1"/>
  <c r="E656" i="1"/>
  <c r="D656" i="1"/>
  <c r="E655" i="1"/>
  <c r="D655" i="1"/>
  <c r="E654" i="1"/>
  <c r="D654" i="1"/>
  <c r="E653" i="1"/>
  <c r="D653" i="1"/>
  <c r="E652" i="1"/>
  <c r="D652" i="1"/>
  <c r="E651" i="1"/>
  <c r="D651" i="1"/>
  <c r="E650" i="1"/>
  <c r="D650" i="1"/>
  <c r="E649" i="1"/>
  <c r="D649" i="1"/>
  <c r="E648" i="1"/>
  <c r="D648" i="1"/>
  <c r="E647" i="1"/>
  <c r="D647" i="1"/>
  <c r="E646" i="1"/>
  <c r="D646" i="1"/>
  <c r="E645" i="1"/>
  <c r="D645" i="1"/>
  <c r="E644" i="1"/>
  <c r="D644" i="1"/>
  <c r="E643" i="1"/>
  <c r="D643" i="1"/>
  <c r="E642" i="1"/>
  <c r="D642" i="1"/>
  <c r="E641" i="1"/>
  <c r="D641" i="1"/>
  <c r="E640" i="1"/>
  <c r="D640" i="1"/>
  <c r="E639" i="1"/>
  <c r="D639" i="1"/>
  <c r="E638" i="1"/>
  <c r="D638" i="1"/>
  <c r="E637" i="1"/>
  <c r="D637" i="1"/>
  <c r="E636" i="1"/>
  <c r="D636" i="1"/>
  <c r="E635" i="1"/>
  <c r="D635" i="1"/>
  <c r="E634" i="1"/>
  <c r="D634" i="1"/>
  <c r="E633" i="1"/>
  <c r="D633" i="1"/>
  <c r="E632" i="1"/>
  <c r="D632" i="1"/>
  <c r="E631" i="1"/>
  <c r="D631" i="1"/>
  <c r="E630" i="1"/>
  <c r="D630" i="1"/>
  <c r="E629" i="1"/>
  <c r="D629" i="1"/>
  <c r="E628" i="1"/>
  <c r="D628" i="1"/>
  <c r="E627" i="1"/>
  <c r="D627" i="1"/>
  <c r="E626" i="1"/>
  <c r="D626" i="1"/>
  <c r="E625" i="1"/>
  <c r="D625" i="1"/>
  <c r="E624" i="1"/>
  <c r="D624" i="1"/>
  <c r="E623" i="1"/>
  <c r="D623" i="1"/>
  <c r="E622" i="1"/>
  <c r="D622" i="1"/>
  <c r="E621" i="1"/>
  <c r="D621" i="1"/>
  <c r="E620" i="1"/>
  <c r="D620" i="1"/>
  <c r="E619" i="1"/>
  <c r="D619" i="1"/>
  <c r="E618" i="1"/>
  <c r="D618" i="1"/>
  <c r="E617" i="1"/>
  <c r="D617" i="1"/>
  <c r="E616" i="1"/>
  <c r="D616" i="1"/>
  <c r="E615" i="1"/>
  <c r="D615" i="1"/>
  <c r="E614" i="1"/>
  <c r="D614" i="1"/>
  <c r="E613" i="1"/>
  <c r="D613" i="1"/>
  <c r="E612" i="1"/>
  <c r="D612" i="1"/>
  <c r="E611" i="1"/>
  <c r="D611" i="1"/>
  <c r="E610" i="1"/>
  <c r="D610" i="1"/>
  <c r="E609" i="1"/>
  <c r="D609" i="1"/>
  <c r="E608" i="1"/>
  <c r="D608" i="1"/>
  <c r="E607" i="1"/>
  <c r="D607" i="1"/>
  <c r="E606" i="1"/>
  <c r="D606" i="1"/>
  <c r="E605" i="1"/>
  <c r="D605" i="1"/>
  <c r="E604" i="1"/>
  <c r="D604" i="1"/>
  <c r="E603" i="1"/>
  <c r="D603" i="1"/>
  <c r="E602" i="1"/>
  <c r="D602" i="1"/>
  <c r="E601" i="1"/>
  <c r="D601" i="1"/>
  <c r="E600" i="1"/>
  <c r="D600" i="1"/>
  <c r="E599" i="1"/>
  <c r="D599" i="1"/>
  <c r="E598" i="1"/>
  <c r="D598" i="1"/>
  <c r="E597" i="1"/>
  <c r="D597" i="1"/>
  <c r="E596" i="1"/>
  <c r="D596" i="1"/>
  <c r="E595" i="1"/>
  <c r="D595" i="1"/>
  <c r="E594" i="1"/>
  <c r="D594" i="1"/>
  <c r="E593" i="1"/>
  <c r="D593" i="1"/>
  <c r="E592" i="1"/>
  <c r="D592" i="1"/>
  <c r="E591" i="1"/>
  <c r="D591" i="1"/>
  <c r="E590" i="1"/>
  <c r="D590" i="1"/>
  <c r="E589" i="1"/>
  <c r="D589" i="1"/>
  <c r="E588" i="1"/>
  <c r="D588" i="1"/>
  <c r="E587" i="1"/>
  <c r="D587" i="1"/>
  <c r="E586" i="1"/>
  <c r="D586" i="1"/>
  <c r="E585" i="1"/>
  <c r="D585" i="1"/>
  <c r="E584" i="1"/>
  <c r="D584" i="1"/>
  <c r="E583" i="1"/>
  <c r="D583" i="1"/>
  <c r="E582" i="1"/>
  <c r="D582" i="1"/>
  <c r="E581" i="1"/>
  <c r="D581" i="1"/>
  <c r="E580" i="1"/>
  <c r="D580" i="1"/>
  <c r="E579" i="1"/>
  <c r="D579" i="1"/>
  <c r="E578" i="1"/>
  <c r="D578" i="1"/>
  <c r="E577" i="1"/>
  <c r="D577" i="1"/>
  <c r="E576" i="1"/>
  <c r="D576" i="1"/>
  <c r="E575" i="1"/>
  <c r="D575" i="1"/>
  <c r="E574" i="1"/>
  <c r="D574" i="1"/>
  <c r="E573" i="1"/>
  <c r="D573" i="1"/>
  <c r="E572" i="1"/>
  <c r="D572" i="1"/>
  <c r="E571" i="1"/>
  <c r="D571" i="1"/>
  <c r="E570" i="1"/>
  <c r="D570" i="1"/>
  <c r="E569" i="1"/>
  <c r="D569" i="1"/>
  <c r="E568" i="1"/>
  <c r="D568" i="1"/>
  <c r="E567" i="1"/>
  <c r="D567" i="1"/>
  <c r="E566" i="1"/>
  <c r="D566" i="1"/>
  <c r="E565" i="1"/>
  <c r="D565" i="1"/>
  <c r="E564" i="1"/>
  <c r="D564" i="1"/>
  <c r="E563" i="1"/>
  <c r="D563" i="1"/>
  <c r="E562" i="1"/>
  <c r="D562" i="1"/>
  <c r="E561" i="1"/>
  <c r="D561" i="1"/>
  <c r="E560" i="1"/>
  <c r="D560" i="1"/>
  <c r="E559" i="1"/>
  <c r="D559" i="1"/>
  <c r="E558" i="1"/>
  <c r="D558" i="1"/>
  <c r="E557" i="1"/>
  <c r="D557" i="1"/>
  <c r="E556" i="1"/>
  <c r="D556" i="1"/>
  <c r="E555" i="1"/>
  <c r="D555" i="1"/>
  <c r="E554" i="1"/>
  <c r="D554" i="1"/>
  <c r="E553" i="1"/>
  <c r="D553" i="1"/>
  <c r="E552" i="1"/>
  <c r="D552" i="1"/>
  <c r="E551" i="1"/>
  <c r="D551" i="1"/>
  <c r="E550" i="1"/>
  <c r="D550" i="1"/>
  <c r="E549" i="1"/>
  <c r="D549" i="1"/>
  <c r="E548" i="1"/>
  <c r="D548" i="1"/>
  <c r="E547" i="1"/>
  <c r="D547" i="1"/>
  <c r="E546" i="1"/>
  <c r="D546" i="1"/>
  <c r="E545" i="1"/>
  <c r="D545" i="1"/>
  <c r="E544" i="1"/>
  <c r="D544" i="1"/>
  <c r="E543" i="1"/>
  <c r="D543" i="1"/>
  <c r="E542" i="1"/>
  <c r="D542" i="1"/>
  <c r="E541" i="1"/>
  <c r="D541" i="1"/>
  <c r="E540" i="1"/>
  <c r="D540" i="1"/>
  <c r="E539" i="1"/>
  <c r="D539" i="1"/>
  <c r="E538" i="1"/>
  <c r="D538" i="1"/>
  <c r="E537" i="1"/>
  <c r="D537" i="1"/>
  <c r="E536" i="1"/>
  <c r="D536" i="1"/>
  <c r="E535" i="1"/>
  <c r="D535" i="1"/>
  <c r="E534" i="1"/>
  <c r="D534" i="1"/>
  <c r="E533" i="1"/>
  <c r="D533" i="1"/>
  <c r="E532" i="1"/>
  <c r="D532" i="1"/>
  <c r="E531" i="1"/>
  <c r="D531" i="1"/>
  <c r="E530" i="1"/>
  <c r="D530" i="1"/>
  <c r="E529" i="1"/>
  <c r="D529" i="1"/>
  <c r="E528" i="1"/>
  <c r="D528" i="1"/>
  <c r="E527" i="1"/>
  <c r="D527" i="1"/>
  <c r="E526" i="1"/>
  <c r="D526" i="1"/>
  <c r="E525" i="1"/>
  <c r="D525" i="1"/>
  <c r="E524" i="1"/>
  <c r="D524" i="1"/>
  <c r="E523" i="1"/>
  <c r="D523" i="1"/>
  <c r="E522" i="1"/>
  <c r="D522" i="1"/>
  <c r="E521" i="1"/>
  <c r="D521" i="1"/>
  <c r="E520" i="1"/>
  <c r="D520" i="1"/>
  <c r="E519" i="1"/>
  <c r="D519" i="1"/>
  <c r="E518" i="1"/>
  <c r="D518" i="1"/>
  <c r="E517" i="1"/>
  <c r="D517" i="1"/>
  <c r="E516" i="1"/>
  <c r="D516" i="1"/>
  <c r="D515" i="1"/>
  <c r="E515" i="1" s="1"/>
  <c r="E514" i="1"/>
  <c r="D514" i="1"/>
  <c r="D513" i="1"/>
  <c r="E513" i="1" s="1"/>
  <c r="E512" i="1"/>
  <c r="D512" i="1"/>
  <c r="D511" i="1"/>
  <c r="E511" i="1" s="1"/>
  <c r="E510" i="1"/>
  <c r="D510" i="1"/>
  <c r="D509" i="1"/>
  <c r="E509" i="1" s="1"/>
  <c r="E508" i="1"/>
  <c r="D508" i="1"/>
  <c r="D507" i="1"/>
  <c r="E507" i="1" s="1"/>
  <c r="E506" i="1"/>
  <c r="D506" i="1"/>
  <c r="D505" i="1"/>
  <c r="E505" i="1" s="1"/>
  <c r="E504" i="1"/>
  <c r="D504" i="1"/>
  <c r="D503" i="1"/>
  <c r="E503" i="1" s="1"/>
  <c r="E502" i="1"/>
  <c r="D502" i="1"/>
  <c r="D501" i="1"/>
  <c r="E501" i="1" s="1"/>
  <c r="E500" i="1"/>
  <c r="D500" i="1"/>
  <c r="D499" i="1"/>
  <c r="E499" i="1" s="1"/>
  <c r="E498" i="1"/>
  <c r="D498" i="1"/>
  <c r="E497" i="1"/>
  <c r="D497" i="1"/>
  <c r="E496" i="1"/>
  <c r="D496" i="1"/>
  <c r="E495" i="1"/>
  <c r="D495" i="1"/>
  <c r="E494" i="1"/>
  <c r="D494" i="1"/>
  <c r="E493" i="1"/>
  <c r="D493" i="1"/>
  <c r="E492" i="1"/>
  <c r="D492" i="1"/>
  <c r="E491" i="1"/>
  <c r="D491" i="1"/>
  <c r="E490" i="1"/>
  <c r="D490" i="1"/>
  <c r="E489" i="1"/>
  <c r="D489" i="1"/>
  <c r="E488" i="1"/>
  <c r="D488" i="1"/>
  <c r="E487" i="1"/>
  <c r="D487" i="1"/>
  <c r="E486" i="1"/>
  <c r="D486" i="1"/>
  <c r="E485" i="1"/>
  <c r="D485" i="1"/>
  <c r="E484" i="1"/>
  <c r="D484" i="1"/>
  <c r="D483" i="1"/>
  <c r="E483" i="1" s="1"/>
  <c r="E482" i="1"/>
  <c r="D482" i="1"/>
  <c r="D481" i="1"/>
  <c r="E481" i="1" s="1"/>
  <c r="E480" i="1"/>
  <c r="D480" i="1"/>
  <c r="D479" i="1"/>
  <c r="E479" i="1" s="1"/>
  <c r="E478" i="1"/>
  <c r="D478" i="1"/>
  <c r="D477" i="1"/>
  <c r="E477" i="1" s="1"/>
  <c r="E476" i="1"/>
  <c r="D476" i="1"/>
  <c r="D475" i="1"/>
  <c r="E475" i="1" s="1"/>
  <c r="E474" i="1"/>
  <c r="D474" i="1"/>
  <c r="D473" i="1"/>
  <c r="E473" i="1" s="1"/>
  <c r="E472" i="1"/>
  <c r="D472" i="1"/>
  <c r="D471" i="1"/>
  <c r="E471" i="1" s="1"/>
  <c r="E470" i="1"/>
  <c r="D470" i="1"/>
  <c r="D469" i="1"/>
  <c r="E469" i="1" s="1"/>
  <c r="E468" i="1"/>
  <c r="D468" i="1"/>
  <c r="E467" i="1"/>
  <c r="D467" i="1"/>
  <c r="E466" i="1"/>
  <c r="D466" i="1"/>
  <c r="E465" i="1"/>
  <c r="D465" i="1"/>
  <c r="E464" i="1"/>
  <c r="D464" i="1"/>
  <c r="E463" i="1"/>
  <c r="D463" i="1"/>
  <c r="E462" i="1"/>
  <c r="D462" i="1"/>
  <c r="E461" i="1"/>
  <c r="D461" i="1"/>
  <c r="E460" i="1"/>
  <c r="D460" i="1"/>
  <c r="E459" i="1"/>
  <c r="D459" i="1"/>
  <c r="E458" i="1"/>
  <c r="D458" i="1"/>
  <c r="E457" i="1"/>
  <c r="D457" i="1"/>
  <c r="E456" i="1"/>
  <c r="D456" i="1"/>
  <c r="D455" i="1"/>
  <c r="E455" i="1" s="1"/>
  <c r="E454" i="1"/>
  <c r="D454" i="1"/>
  <c r="D453" i="1"/>
  <c r="E453" i="1" s="1"/>
  <c r="E452" i="1"/>
  <c r="D452" i="1"/>
  <c r="D451" i="1"/>
  <c r="E451" i="1" s="1"/>
  <c r="E450" i="1"/>
  <c r="D450" i="1"/>
  <c r="D449" i="1"/>
  <c r="E449" i="1" s="1"/>
  <c r="E448" i="1"/>
  <c r="D448" i="1"/>
  <c r="D447" i="1"/>
  <c r="E447" i="1" s="1"/>
  <c r="E446" i="1"/>
  <c r="D446" i="1"/>
  <c r="D445" i="1"/>
  <c r="E445" i="1" s="1"/>
  <c r="E444" i="1"/>
  <c r="D444" i="1"/>
  <c r="D443" i="1"/>
  <c r="E443" i="1" s="1"/>
  <c r="E442" i="1"/>
  <c r="D442" i="1"/>
  <c r="E441" i="1"/>
  <c r="D441" i="1"/>
  <c r="E440" i="1"/>
  <c r="D440" i="1"/>
  <c r="E439" i="1"/>
  <c r="D439" i="1"/>
  <c r="E438" i="1"/>
  <c r="D438" i="1"/>
  <c r="E437" i="1"/>
  <c r="D437" i="1"/>
  <c r="E436" i="1"/>
  <c r="D436" i="1"/>
  <c r="E435" i="1"/>
  <c r="D435" i="1"/>
  <c r="E434" i="1"/>
  <c r="D434" i="1"/>
  <c r="E433" i="1"/>
  <c r="D433" i="1"/>
  <c r="E432" i="1"/>
  <c r="D432" i="1"/>
  <c r="E431" i="1"/>
  <c r="D431" i="1"/>
  <c r="E430" i="1"/>
  <c r="D430" i="1"/>
  <c r="E429" i="1"/>
  <c r="D429" i="1"/>
  <c r="E428" i="1"/>
  <c r="D428" i="1"/>
  <c r="E427" i="1"/>
  <c r="D427" i="1"/>
  <c r="E426" i="1"/>
  <c r="D426" i="1"/>
  <c r="E425" i="1"/>
  <c r="D425" i="1"/>
  <c r="E424" i="1"/>
  <c r="D424" i="1"/>
  <c r="E423" i="1"/>
  <c r="D423" i="1"/>
  <c r="E422" i="1"/>
  <c r="D422" i="1"/>
  <c r="E421" i="1"/>
  <c r="D421" i="1"/>
  <c r="E420" i="1"/>
  <c r="D420" i="1"/>
  <c r="E419" i="1"/>
  <c r="D419" i="1"/>
  <c r="E418" i="1"/>
  <c r="D418" i="1"/>
  <c r="E417" i="1"/>
  <c r="D417" i="1"/>
  <c r="E416" i="1"/>
  <c r="D416" i="1"/>
  <c r="E415" i="1"/>
  <c r="D415" i="1"/>
  <c r="E414" i="1"/>
  <c r="D414" i="1"/>
  <c r="E413" i="1"/>
  <c r="D413" i="1"/>
  <c r="E412" i="1"/>
  <c r="D412" i="1"/>
  <c r="E411" i="1"/>
  <c r="D411" i="1"/>
  <c r="E410" i="1"/>
  <c r="D410" i="1"/>
  <c r="E409" i="1"/>
  <c r="D409" i="1"/>
  <c r="E408" i="1"/>
  <c r="D408" i="1"/>
  <c r="E407" i="1"/>
  <c r="D407" i="1"/>
  <c r="E406" i="1"/>
  <c r="D406" i="1"/>
  <c r="E405" i="1"/>
  <c r="D405" i="1"/>
  <c r="E404" i="1"/>
  <c r="D404" i="1"/>
  <c r="E403" i="1"/>
  <c r="D403" i="1"/>
  <c r="E402" i="1"/>
  <c r="D402" i="1"/>
  <c r="E401" i="1"/>
  <c r="D401" i="1"/>
  <c r="E400" i="1"/>
  <c r="D400" i="1"/>
  <c r="E399" i="1"/>
  <c r="D399" i="1"/>
  <c r="E398" i="1"/>
  <c r="D398" i="1"/>
  <c r="E397" i="1"/>
  <c r="D397" i="1"/>
  <c r="E396" i="1"/>
  <c r="D396" i="1"/>
  <c r="E395" i="1"/>
  <c r="D395" i="1"/>
  <c r="E394" i="1"/>
  <c r="D394" i="1"/>
  <c r="E393" i="1"/>
  <c r="D393" i="1"/>
  <c r="E392" i="1"/>
  <c r="D392" i="1"/>
  <c r="E391" i="1"/>
  <c r="D391" i="1"/>
  <c r="E390" i="1"/>
  <c r="D390" i="1"/>
  <c r="E389" i="1"/>
  <c r="D389" i="1"/>
  <c r="E388" i="1"/>
  <c r="D388" i="1"/>
  <c r="E387" i="1"/>
  <c r="D387" i="1"/>
  <c r="E386" i="1"/>
  <c r="D386" i="1"/>
  <c r="E385" i="1"/>
  <c r="D385" i="1"/>
  <c r="E384" i="1"/>
  <c r="D384" i="1"/>
  <c r="E383" i="1"/>
  <c r="D383" i="1"/>
  <c r="E382" i="1"/>
  <c r="D382" i="1"/>
  <c r="E381" i="1"/>
  <c r="D381" i="1"/>
  <c r="E380" i="1"/>
  <c r="D380" i="1"/>
  <c r="E379" i="1"/>
  <c r="D379" i="1"/>
  <c r="E378" i="1"/>
  <c r="D378" i="1"/>
  <c r="E377" i="1"/>
  <c r="D377" i="1"/>
  <c r="E376" i="1"/>
  <c r="D376" i="1"/>
  <c r="E375" i="1"/>
  <c r="D375" i="1"/>
  <c r="E374" i="1"/>
  <c r="D374" i="1"/>
  <c r="E373" i="1"/>
  <c r="D373" i="1"/>
  <c r="E372" i="1"/>
  <c r="D372" i="1"/>
  <c r="E371" i="1"/>
  <c r="D371" i="1"/>
  <c r="E370" i="1"/>
  <c r="D370" i="1"/>
  <c r="E369" i="1"/>
  <c r="D369" i="1"/>
  <c r="E368" i="1"/>
  <c r="D368" i="1"/>
  <c r="E367" i="1"/>
  <c r="D367" i="1"/>
  <c r="E366" i="1"/>
  <c r="D366" i="1"/>
  <c r="E365" i="1"/>
  <c r="D365" i="1"/>
  <c r="E364" i="1"/>
  <c r="D364" i="1"/>
  <c r="E363" i="1"/>
  <c r="D363" i="1"/>
  <c r="E362" i="1"/>
  <c r="D362" i="1"/>
  <c r="E361" i="1"/>
  <c r="D361" i="1"/>
  <c r="E360" i="1"/>
  <c r="D360" i="1"/>
  <c r="E359" i="1"/>
  <c r="D359" i="1"/>
  <c r="E358" i="1"/>
  <c r="D358" i="1"/>
  <c r="E357" i="1"/>
  <c r="D357" i="1"/>
  <c r="E356" i="1"/>
  <c r="D356" i="1"/>
  <c r="E355" i="1"/>
  <c r="D355" i="1"/>
  <c r="E354" i="1"/>
  <c r="D354" i="1"/>
  <c r="E353" i="1"/>
  <c r="D353" i="1"/>
  <c r="E352" i="1"/>
  <c r="D352" i="1"/>
  <c r="E351" i="1"/>
  <c r="D351" i="1"/>
  <c r="E350" i="1"/>
  <c r="D350" i="1"/>
  <c r="E349" i="1"/>
  <c r="D349" i="1"/>
  <c r="E348" i="1"/>
  <c r="D348" i="1"/>
  <c r="E347" i="1"/>
  <c r="D347" i="1"/>
  <c r="E346" i="1"/>
  <c r="D346" i="1"/>
  <c r="E345" i="1"/>
  <c r="D345" i="1"/>
  <c r="E344" i="1"/>
  <c r="D344" i="1"/>
  <c r="E343" i="1"/>
  <c r="D343" i="1"/>
  <c r="E342" i="1"/>
  <c r="D342" i="1"/>
  <c r="E341" i="1"/>
  <c r="D341" i="1"/>
  <c r="E340" i="1"/>
  <c r="D340" i="1"/>
  <c r="E339" i="1"/>
  <c r="D339" i="1"/>
  <c r="E338" i="1"/>
  <c r="D338" i="1"/>
  <c r="E337" i="1"/>
  <c r="D337" i="1"/>
  <c r="E336" i="1"/>
  <c r="D336" i="1"/>
  <c r="E335" i="1"/>
  <c r="D335" i="1"/>
  <c r="E334" i="1"/>
  <c r="D334" i="1"/>
  <c r="E333" i="1"/>
  <c r="D333" i="1"/>
  <c r="E332" i="1"/>
  <c r="D332" i="1"/>
  <c r="E331" i="1"/>
  <c r="D331" i="1"/>
  <c r="E330" i="1"/>
  <c r="D330" i="1"/>
  <c r="E329" i="1"/>
  <c r="D329" i="1"/>
  <c r="E328" i="1"/>
  <c r="D328" i="1"/>
  <c r="E327" i="1"/>
  <c r="D327" i="1"/>
  <c r="E326" i="1"/>
  <c r="D326" i="1"/>
  <c r="E325" i="1"/>
  <c r="D325" i="1"/>
  <c r="E324" i="1"/>
  <c r="D324" i="1"/>
  <c r="E323" i="1"/>
  <c r="D323" i="1"/>
  <c r="E322" i="1"/>
  <c r="D322" i="1"/>
  <c r="E321" i="1"/>
  <c r="D321" i="1"/>
  <c r="E320" i="1"/>
  <c r="D320" i="1"/>
  <c r="E319" i="1"/>
  <c r="D319" i="1"/>
  <c r="E318" i="1"/>
  <c r="D318" i="1"/>
  <c r="E317" i="1"/>
  <c r="D317" i="1"/>
  <c r="E316" i="1"/>
  <c r="D316" i="1"/>
  <c r="E315" i="1"/>
  <c r="D315" i="1"/>
  <c r="E314" i="1"/>
  <c r="D314" i="1"/>
  <c r="E313" i="1"/>
  <c r="D313" i="1"/>
  <c r="E312" i="1"/>
  <c r="D312" i="1"/>
  <c r="E311" i="1"/>
  <c r="D311" i="1"/>
  <c r="E310" i="1"/>
  <c r="D310" i="1"/>
  <c r="E309" i="1"/>
  <c r="D309" i="1"/>
  <c r="E308" i="1"/>
  <c r="D308" i="1"/>
  <c r="E307" i="1"/>
  <c r="D307" i="1"/>
  <c r="E306" i="1"/>
  <c r="D306" i="1"/>
  <c r="E305" i="1"/>
  <c r="D305" i="1"/>
  <c r="E304" i="1"/>
  <c r="D304" i="1"/>
  <c r="E303" i="1"/>
  <c r="D303" i="1"/>
  <c r="E302" i="1"/>
  <c r="D302" i="1"/>
  <c r="E301" i="1"/>
  <c r="D301" i="1"/>
  <c r="E300" i="1"/>
  <c r="D300" i="1"/>
  <c r="E299" i="1"/>
  <c r="D299" i="1"/>
  <c r="E298" i="1"/>
  <c r="D298" i="1"/>
  <c r="E297" i="1"/>
  <c r="D297" i="1"/>
  <c r="E296" i="1"/>
  <c r="D296" i="1"/>
  <c r="E295" i="1"/>
  <c r="D295" i="1"/>
  <c r="E294" i="1"/>
  <c r="D294" i="1"/>
  <c r="E293" i="1"/>
  <c r="D293" i="1"/>
  <c r="E292" i="1"/>
  <c r="D292" i="1"/>
  <c r="E291" i="1"/>
  <c r="D291" i="1"/>
  <c r="E290" i="1"/>
  <c r="D290" i="1"/>
  <c r="E289" i="1"/>
  <c r="D289" i="1"/>
  <c r="E288" i="1"/>
  <c r="D288" i="1"/>
  <c r="E287" i="1"/>
  <c r="D287" i="1"/>
  <c r="E286" i="1"/>
  <c r="D286" i="1"/>
  <c r="E285" i="1"/>
  <c r="D285" i="1"/>
  <c r="E284" i="1"/>
  <c r="D284" i="1"/>
  <c r="E283" i="1"/>
  <c r="D283" i="1"/>
  <c r="E282" i="1"/>
  <c r="D282" i="1"/>
  <c r="E281" i="1"/>
  <c r="D281" i="1"/>
  <c r="E280" i="1"/>
  <c r="D280" i="1"/>
  <c r="E279" i="1"/>
  <c r="D279" i="1"/>
  <c r="E278" i="1"/>
  <c r="D278" i="1"/>
  <c r="E277" i="1"/>
  <c r="D277" i="1"/>
  <c r="E276" i="1"/>
  <c r="D276" i="1"/>
  <c r="E275" i="1"/>
  <c r="D275" i="1"/>
  <c r="E274" i="1"/>
  <c r="D274" i="1"/>
  <c r="E273" i="1"/>
  <c r="D273" i="1"/>
  <c r="E272" i="1"/>
  <c r="D272" i="1"/>
  <c r="E271" i="1"/>
  <c r="D271" i="1"/>
  <c r="E270" i="1"/>
  <c r="D270" i="1"/>
  <c r="E269" i="1"/>
  <c r="D269" i="1"/>
  <c r="E268" i="1"/>
  <c r="D268" i="1"/>
  <c r="E267" i="1"/>
  <c r="D267" i="1"/>
  <c r="E266" i="1"/>
  <c r="D266" i="1"/>
  <c r="E265" i="1"/>
  <c r="D265" i="1"/>
  <c r="E264" i="1"/>
  <c r="D264" i="1"/>
  <c r="E263" i="1"/>
  <c r="D263" i="1"/>
  <c r="E262" i="1"/>
  <c r="D262" i="1"/>
  <c r="E261" i="1"/>
  <c r="D261" i="1"/>
  <c r="E260" i="1"/>
  <c r="D260" i="1"/>
  <c r="E259" i="1"/>
  <c r="D259" i="1"/>
  <c r="E258" i="1"/>
  <c r="D258" i="1"/>
  <c r="E257" i="1"/>
  <c r="D257" i="1"/>
  <c r="E256" i="1"/>
  <c r="D256" i="1"/>
  <c r="E255" i="1"/>
  <c r="D255" i="1"/>
  <c r="E254" i="1"/>
  <c r="D254" i="1"/>
  <c r="E253" i="1"/>
  <c r="D253" i="1"/>
  <c r="E252" i="1"/>
  <c r="D252" i="1"/>
  <c r="E251" i="1"/>
  <c r="D251" i="1"/>
  <c r="E250" i="1"/>
  <c r="D250" i="1"/>
  <c r="E249" i="1"/>
  <c r="D249" i="1"/>
  <c r="E248" i="1"/>
  <c r="D248" i="1"/>
  <c r="E247" i="1"/>
  <c r="D247" i="1"/>
  <c r="E246" i="1"/>
  <c r="D246" i="1"/>
  <c r="E245" i="1"/>
  <c r="D245" i="1"/>
  <c r="E244" i="1"/>
  <c r="D244" i="1"/>
  <c r="E243" i="1"/>
  <c r="D243" i="1"/>
  <c r="E242" i="1"/>
  <c r="D242" i="1"/>
  <c r="E241" i="1"/>
  <c r="D241" i="1"/>
  <c r="E240" i="1"/>
  <c r="D240" i="1"/>
  <c r="E239" i="1"/>
  <c r="D239" i="1"/>
  <c r="E238" i="1"/>
  <c r="D238" i="1"/>
  <c r="E237" i="1"/>
  <c r="D237" i="1"/>
  <c r="E236" i="1"/>
  <c r="D236" i="1"/>
  <c r="E235" i="1"/>
  <c r="D235" i="1"/>
  <c r="E234" i="1"/>
  <c r="D234" i="1"/>
  <c r="E233" i="1"/>
  <c r="D233" i="1"/>
  <c r="E232" i="1"/>
  <c r="D232" i="1"/>
  <c r="E231" i="1"/>
  <c r="D231" i="1"/>
  <c r="E230" i="1"/>
  <c r="D230" i="1"/>
  <c r="E229" i="1"/>
  <c r="D229" i="1"/>
  <c r="E228" i="1"/>
  <c r="D228" i="1"/>
  <c r="E227" i="1"/>
  <c r="D227" i="1"/>
  <c r="E226" i="1"/>
  <c r="D226" i="1"/>
  <c r="E225" i="1"/>
  <c r="D225" i="1"/>
  <c r="E224" i="1"/>
  <c r="D224" i="1"/>
  <c r="E223" i="1"/>
  <c r="D223" i="1"/>
  <c r="E222" i="1"/>
  <c r="D222" i="1"/>
  <c r="E221" i="1"/>
  <c r="D221" i="1"/>
  <c r="E220" i="1"/>
  <c r="D220" i="1"/>
  <c r="E219" i="1"/>
  <c r="D219" i="1"/>
  <c r="E218" i="1"/>
  <c r="D218" i="1"/>
  <c r="E217" i="1"/>
  <c r="D217" i="1"/>
  <c r="E216" i="1"/>
  <c r="D216" i="1"/>
  <c r="E215" i="1"/>
  <c r="D215" i="1"/>
  <c r="E214" i="1"/>
  <c r="D214" i="1"/>
  <c r="E213" i="1"/>
  <c r="D213" i="1"/>
  <c r="E212" i="1"/>
  <c r="D212" i="1"/>
  <c r="E211" i="1"/>
  <c r="D211" i="1"/>
  <c r="E210" i="1"/>
  <c r="D210" i="1"/>
  <c r="E209" i="1"/>
  <c r="D209" i="1"/>
  <c r="E208" i="1"/>
  <c r="D208" i="1"/>
  <c r="E207" i="1"/>
  <c r="D207" i="1"/>
  <c r="E206" i="1"/>
  <c r="D206" i="1"/>
  <c r="E205" i="1"/>
  <c r="D205" i="1"/>
  <c r="E204" i="1"/>
  <c r="D204" i="1"/>
  <c r="E203" i="1"/>
  <c r="D203" i="1"/>
  <c r="E202" i="1"/>
  <c r="D202" i="1"/>
  <c r="E201" i="1"/>
  <c r="D201" i="1"/>
  <c r="E200" i="1"/>
  <c r="D200" i="1"/>
  <c r="E199" i="1"/>
  <c r="D199" i="1"/>
  <c r="E198" i="1"/>
  <c r="D198" i="1"/>
  <c r="E197" i="1"/>
  <c r="D197" i="1"/>
  <c r="E196" i="1"/>
  <c r="D196" i="1"/>
  <c r="E195" i="1"/>
  <c r="D195" i="1"/>
  <c r="E194" i="1"/>
  <c r="D194" i="1"/>
  <c r="E193" i="1"/>
  <c r="D193" i="1"/>
  <c r="E192" i="1"/>
  <c r="D192" i="1"/>
  <c r="E191" i="1"/>
  <c r="D191" i="1"/>
  <c r="E190" i="1"/>
  <c r="D190" i="1"/>
  <c r="E189" i="1"/>
  <c r="D189" i="1"/>
  <c r="E188" i="1"/>
  <c r="D188" i="1"/>
  <c r="E187" i="1"/>
  <c r="D187" i="1"/>
  <c r="E186" i="1"/>
  <c r="D186" i="1"/>
  <c r="E185" i="1"/>
  <c r="D185" i="1"/>
  <c r="E184" i="1"/>
  <c r="D184" i="1"/>
  <c r="E183" i="1"/>
  <c r="D183" i="1"/>
  <c r="E182" i="1"/>
  <c r="D182" i="1"/>
  <c r="E181" i="1"/>
  <c r="D181" i="1"/>
  <c r="E180" i="1"/>
  <c r="D180" i="1"/>
  <c r="E179" i="1"/>
  <c r="D179" i="1"/>
  <c r="E178" i="1"/>
  <c r="D178" i="1"/>
  <c r="E177" i="1"/>
  <c r="D177" i="1"/>
  <c r="E176" i="1"/>
  <c r="D176" i="1"/>
  <c r="E175" i="1"/>
  <c r="D175" i="1"/>
  <c r="E174" i="1"/>
  <c r="D174" i="1"/>
  <c r="E173" i="1"/>
  <c r="D173" i="1"/>
  <c r="E172" i="1"/>
  <c r="D172" i="1"/>
  <c r="E171" i="1"/>
  <c r="D171" i="1"/>
  <c r="E170" i="1"/>
  <c r="D170" i="1"/>
  <c r="E169" i="1"/>
  <c r="D169" i="1"/>
  <c r="E168" i="1"/>
  <c r="D168" i="1"/>
  <c r="D167" i="1"/>
  <c r="E167" i="1" s="1"/>
  <c r="E166" i="1"/>
  <c r="D166" i="1"/>
  <c r="D165" i="1"/>
  <c r="E165" i="1" s="1"/>
  <c r="E164" i="1"/>
  <c r="D164" i="1"/>
  <c r="D163" i="1"/>
  <c r="E163" i="1" s="1"/>
  <c r="E162" i="1"/>
  <c r="D162" i="1"/>
  <c r="D161" i="1"/>
  <c r="E161" i="1" s="1"/>
  <c r="E160" i="1"/>
  <c r="D160" i="1"/>
  <c r="D159" i="1"/>
  <c r="E159" i="1" s="1"/>
  <c r="E158" i="1"/>
  <c r="D158" i="1"/>
  <c r="D157" i="1"/>
  <c r="E157" i="1" s="1"/>
  <c r="E156" i="1"/>
  <c r="D156" i="1"/>
  <c r="D155" i="1"/>
  <c r="E155" i="1" s="1"/>
  <c r="E154" i="1"/>
  <c r="D154" i="1"/>
  <c r="D153" i="1"/>
  <c r="E153" i="1" s="1"/>
  <c r="E152" i="1"/>
  <c r="D152" i="1"/>
  <c r="D151" i="1"/>
  <c r="E151" i="1" s="1"/>
  <c r="E150" i="1"/>
  <c r="D150" i="1"/>
  <c r="D149" i="1"/>
  <c r="E149" i="1" s="1"/>
  <c r="E148" i="1"/>
  <c r="D148" i="1"/>
  <c r="D147" i="1"/>
  <c r="E147" i="1" s="1"/>
  <c r="E146" i="1"/>
  <c r="D146" i="1"/>
  <c r="D145" i="1"/>
  <c r="E145" i="1" s="1"/>
  <c r="E144" i="1"/>
  <c r="D144" i="1"/>
  <c r="D143" i="1"/>
  <c r="E143" i="1" s="1"/>
  <c r="E142" i="1"/>
  <c r="D142" i="1"/>
  <c r="D141" i="1"/>
  <c r="E141" i="1" s="1"/>
  <c r="E140" i="1"/>
  <c r="D140" i="1"/>
  <c r="D139" i="1"/>
  <c r="E139" i="1" s="1"/>
  <c r="E138" i="1"/>
  <c r="D138" i="1"/>
  <c r="D137" i="1"/>
  <c r="E137" i="1" s="1"/>
  <c r="E136" i="1"/>
  <c r="D136" i="1"/>
  <c r="D135" i="1"/>
  <c r="E135" i="1" s="1"/>
  <c r="E134" i="1"/>
  <c r="D134" i="1"/>
  <c r="D133" i="1"/>
  <c r="E133" i="1" s="1"/>
  <c r="E132" i="1"/>
  <c r="D132" i="1"/>
  <c r="D131" i="1"/>
  <c r="E131" i="1" s="1"/>
  <c r="E130" i="1"/>
  <c r="D130" i="1"/>
  <c r="D129" i="1"/>
  <c r="E129" i="1" s="1"/>
  <c r="E128" i="1"/>
  <c r="D128" i="1"/>
  <c r="D127" i="1"/>
  <c r="E127" i="1" s="1"/>
  <c r="E126" i="1"/>
  <c r="D126" i="1"/>
  <c r="D125" i="1"/>
  <c r="E125" i="1" s="1"/>
  <c r="E124" i="1"/>
  <c r="D124" i="1"/>
  <c r="D123" i="1"/>
  <c r="E123" i="1" s="1"/>
  <c r="E122" i="1"/>
  <c r="D122" i="1"/>
  <c r="D121" i="1"/>
  <c r="E121" i="1" s="1"/>
  <c r="E120" i="1"/>
  <c r="D120" i="1"/>
  <c r="D119" i="1"/>
  <c r="E119" i="1" s="1"/>
  <c r="E118" i="1"/>
  <c r="D118" i="1"/>
  <c r="D117" i="1"/>
  <c r="E117" i="1" s="1"/>
  <c r="E116" i="1"/>
  <c r="D116" i="1"/>
  <c r="D115" i="1"/>
  <c r="E115" i="1" s="1"/>
  <c r="E114" i="1"/>
  <c r="D114" i="1"/>
  <c r="D113" i="1"/>
  <c r="E113" i="1" s="1"/>
  <c r="E112" i="1"/>
  <c r="D112" i="1"/>
  <c r="D111" i="1"/>
  <c r="E111" i="1" s="1"/>
  <c r="E110" i="1"/>
  <c r="D110" i="1"/>
  <c r="D109" i="1"/>
  <c r="E109" i="1" s="1"/>
  <c r="E108" i="1"/>
  <c r="D108" i="1"/>
  <c r="D107" i="1"/>
  <c r="E107" i="1" s="1"/>
  <c r="E106" i="1"/>
  <c r="D106" i="1"/>
  <c r="D105" i="1"/>
  <c r="E105" i="1" s="1"/>
  <c r="E104" i="1"/>
  <c r="D104" i="1"/>
  <c r="D103" i="1"/>
  <c r="E103" i="1" s="1"/>
  <c r="E102" i="1"/>
  <c r="D102" i="1"/>
  <c r="D101" i="1"/>
  <c r="E101" i="1" s="1"/>
  <c r="E100" i="1"/>
  <c r="D100" i="1"/>
  <c r="D99" i="1"/>
  <c r="E99" i="1" s="1"/>
  <c r="E98" i="1"/>
  <c r="D98" i="1"/>
  <c r="D97" i="1"/>
  <c r="E97" i="1" s="1"/>
  <c r="E96" i="1"/>
  <c r="D96" i="1"/>
  <c r="D95" i="1"/>
  <c r="E95" i="1" s="1"/>
  <c r="E94" i="1"/>
  <c r="D94" i="1"/>
  <c r="D93" i="1"/>
  <c r="E93" i="1" s="1"/>
  <c r="E92" i="1"/>
  <c r="D92" i="1"/>
  <c r="D91" i="1"/>
  <c r="E91" i="1" s="1"/>
  <c r="E90" i="1"/>
  <c r="D90" i="1"/>
  <c r="D89" i="1"/>
  <c r="E89" i="1" s="1"/>
  <c r="E88" i="1"/>
  <c r="D88" i="1"/>
  <c r="D87" i="1"/>
  <c r="E87" i="1" s="1"/>
  <c r="E86" i="1"/>
  <c r="D86" i="1"/>
  <c r="D85" i="1"/>
  <c r="E85" i="1" s="1"/>
  <c r="E84" i="1"/>
  <c r="D84" i="1"/>
  <c r="D83" i="1"/>
  <c r="E83" i="1" s="1"/>
  <c r="E82" i="1"/>
  <c r="D82" i="1"/>
  <c r="D81" i="1"/>
  <c r="E81" i="1" s="1"/>
  <c r="E80" i="1"/>
  <c r="D80" i="1"/>
  <c r="D79" i="1"/>
  <c r="E79" i="1" s="1"/>
  <c r="E78" i="1"/>
  <c r="D78" i="1"/>
  <c r="D77" i="1"/>
  <c r="E77" i="1" s="1"/>
  <c r="E76" i="1"/>
  <c r="D76" i="1"/>
  <c r="D75" i="1"/>
  <c r="E75" i="1" s="1"/>
  <c r="E74" i="1"/>
  <c r="D74" i="1"/>
  <c r="D73" i="1"/>
  <c r="E73" i="1" s="1"/>
  <c r="E72" i="1"/>
  <c r="D72" i="1"/>
  <c r="D71" i="1"/>
  <c r="E71" i="1" s="1"/>
  <c r="E70" i="1"/>
  <c r="D70" i="1"/>
  <c r="D69" i="1"/>
  <c r="E69" i="1" s="1"/>
  <c r="E68" i="1"/>
  <c r="D68" i="1"/>
  <c r="D67" i="1"/>
  <c r="E67" i="1" s="1"/>
  <c r="E66" i="1"/>
  <c r="D66" i="1"/>
  <c r="D65" i="1"/>
  <c r="E65" i="1" s="1"/>
  <c r="E64" i="1"/>
  <c r="D64" i="1"/>
  <c r="D63" i="1"/>
  <c r="E63" i="1" s="1"/>
  <c r="E62" i="1"/>
  <c r="D62" i="1"/>
  <c r="D61" i="1"/>
  <c r="E61" i="1" s="1"/>
  <c r="E60" i="1"/>
  <c r="D60" i="1"/>
  <c r="D59" i="1"/>
  <c r="E59" i="1" s="1"/>
  <c r="E58" i="1"/>
  <c r="D58" i="1"/>
  <c r="D57" i="1"/>
  <c r="E57" i="1" s="1"/>
  <c r="E56" i="1"/>
  <c r="D56" i="1"/>
  <c r="D55" i="1"/>
  <c r="E55" i="1" s="1"/>
  <c r="E54" i="1"/>
  <c r="D54" i="1"/>
  <c r="D53" i="1"/>
  <c r="E53" i="1" s="1"/>
  <c r="E52" i="1"/>
  <c r="D52" i="1"/>
  <c r="D51" i="1"/>
  <c r="E51" i="1" s="1"/>
  <c r="E50" i="1"/>
  <c r="D50" i="1"/>
  <c r="D49" i="1"/>
  <c r="E49" i="1" s="1"/>
  <c r="E48" i="1"/>
  <c r="D48" i="1"/>
  <c r="D47" i="1"/>
  <c r="E47" i="1" s="1"/>
  <c r="E46" i="1"/>
  <c r="D46" i="1"/>
  <c r="D45" i="1"/>
  <c r="E45" i="1" s="1"/>
  <c r="E44" i="1"/>
  <c r="D44" i="1"/>
  <c r="D43" i="1"/>
  <c r="E43" i="1" s="1"/>
  <c r="E42" i="1"/>
  <c r="D42" i="1"/>
  <c r="D41" i="1"/>
  <c r="E41" i="1" s="1"/>
  <c r="E40" i="1"/>
  <c r="D40" i="1"/>
  <c r="D39" i="1"/>
  <c r="E39" i="1" s="1"/>
  <c r="E38" i="1"/>
  <c r="D38" i="1"/>
  <c r="D37" i="1"/>
  <c r="E37" i="1" s="1"/>
  <c r="E36" i="1"/>
  <c r="D36" i="1"/>
  <c r="D35" i="1"/>
  <c r="E35" i="1" s="1"/>
  <c r="E34" i="1"/>
  <c r="D34" i="1"/>
  <c r="D33" i="1"/>
  <c r="E33" i="1" s="1"/>
  <c r="E32" i="1"/>
  <c r="D32" i="1"/>
  <c r="D31" i="1"/>
  <c r="E31" i="1" s="1"/>
  <c r="E30" i="1"/>
  <c r="D30" i="1"/>
  <c r="D29" i="1"/>
  <c r="E29" i="1" s="1"/>
  <c r="E28" i="1"/>
  <c r="D28" i="1"/>
  <c r="D27" i="1"/>
  <c r="E27" i="1" s="1"/>
  <c r="E26" i="1"/>
  <c r="D26" i="1"/>
  <c r="D25" i="1"/>
  <c r="E25" i="1" s="1"/>
  <c r="E24" i="1"/>
  <c r="D24" i="1"/>
  <c r="D23" i="1"/>
  <c r="E23" i="1" s="1"/>
  <c r="E22" i="1"/>
  <c r="D22" i="1"/>
  <c r="D21" i="1"/>
  <c r="E21" i="1" s="1"/>
  <c r="E20" i="1"/>
  <c r="D20" i="1"/>
  <c r="D19" i="1"/>
  <c r="E19" i="1" s="1"/>
  <c r="E18" i="1"/>
  <c r="D18" i="1"/>
  <c r="D17" i="1"/>
  <c r="E17" i="1" s="1"/>
  <c r="E16" i="1"/>
  <c r="D16" i="1"/>
  <c r="D15" i="1"/>
  <c r="E15" i="1" s="1"/>
  <c r="E14" i="1"/>
  <c r="D14" i="1"/>
  <c r="D13" i="1"/>
  <c r="E13" i="1" s="1"/>
  <c r="E12" i="1"/>
  <c r="D12" i="1"/>
  <c r="D11" i="1"/>
  <c r="E11" i="1" s="1"/>
  <c r="E10" i="1"/>
  <c r="D10" i="1"/>
  <c r="D9" i="1"/>
  <c r="E9" i="1" s="1"/>
  <c r="E8" i="1"/>
  <c r="D8" i="1"/>
  <c r="D7" i="1"/>
  <c r="E7" i="1" s="1"/>
  <c r="E6" i="1"/>
  <c r="D6" i="1"/>
  <c r="D5" i="1"/>
  <c r="E5" i="1" s="1"/>
  <c r="E4" i="1"/>
  <c r="D4" i="1"/>
  <c r="D3" i="1"/>
  <c r="E3" i="1" s="1"/>
</calcChain>
</file>

<file path=xl/sharedStrings.xml><?xml version="1.0" encoding="utf-8"?>
<sst xmlns="http://schemas.openxmlformats.org/spreadsheetml/2006/main" count="6" uniqueCount="6">
  <si>
    <t>The data of multiple lengths is calculate 100,000 times(always the same address) by 64B-loop +32B-loop +16B-loop +8B-loop and 64B-loop +8B-loop respectively</t>
  </si>
  <si>
    <t>data lenth
(Bytes)</t>
  </si>
  <si>
    <t>time(us) of  64B+all loop test</t>
  </si>
  <si>
    <t>time(us) of  64B+8B loop test</t>
  </si>
  <si>
    <t xml:space="preserve">diff  </t>
  </si>
  <si>
    <t xml:space="preserve">64B+8B loop acceleration precents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>
    <font>
      <sz val="11"/>
      <color theme="1"/>
      <name val="Calibri"/>
      <family val="2"/>
      <charset val="134"/>
      <scheme val="minor"/>
    </font>
    <font>
      <sz val="14"/>
      <color theme="1"/>
      <name val="Calibri"/>
      <family val="2"/>
      <charset val="134"/>
      <scheme val="minor"/>
    </font>
    <font>
      <sz val="14"/>
      <color theme="1"/>
      <name val="Calibri"/>
      <family val="3"/>
      <charset val="134"/>
      <scheme val="minor"/>
    </font>
    <font>
      <sz val="12"/>
      <color theme="1"/>
      <name val="Calibri"/>
      <family val="2"/>
      <charset val="134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0" borderId="1" xfId="0" applyFont="1" applyBorder="1" applyAlignment="1">
      <alignment horizontal="left" wrapText="1"/>
    </xf>
    <xf numFmtId="0" fontId="2" fillId="0" borderId="1" xfId="0" applyFont="1" applyBorder="1" applyAlignment="1">
      <alignment horizontal="left" wrapText="1"/>
    </xf>
    <xf numFmtId="0" fontId="3" fillId="0" borderId="1" xfId="0" applyFont="1" applyBorder="1" applyAlignment="1">
      <alignment horizontal="left" vertical="center" wrapText="1"/>
    </xf>
    <xf numFmtId="10" fontId="3" fillId="0" borderId="1" xfId="0" applyNumberFormat="1" applyFont="1" applyBorder="1" applyAlignment="1">
      <alignment horizontal="left" vertical="center" wrapText="1"/>
    </xf>
    <xf numFmtId="0" fontId="0" fillId="0" borderId="0" xfId="0" applyAlignment="1">
      <alignment vertical="center"/>
    </xf>
    <xf numFmtId="0" fontId="0" fillId="0" borderId="1" xfId="0" applyBorder="1" applyAlignment="1">
      <alignment horizontal="left"/>
    </xf>
    <xf numFmtId="10" fontId="0" fillId="0" borderId="1" xfId="0" applyNumberFormat="1" applyBorder="1" applyAlignment="1">
      <alignment horizontal="left"/>
    </xf>
    <xf numFmtId="10" fontId="0" fillId="0" borderId="0" xfId="0" applyNumberFormat="1"/>
    <xf numFmtId="0" fontId="0" fillId="0" borderId="0" xfId="0" applyAlignment="1">
      <alignment horizontal="left"/>
    </xf>
    <xf numFmtId="10" fontId="0" fillId="0" borderId="0" xfId="0" applyNumberFormat="1" applyAlignment="1">
      <alignment horizontal="left"/>
    </xf>
  </cellXfs>
  <cellStyles count="1">
    <cellStyle name="常规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FEFD3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047"/>
  <sheetViews>
    <sheetView tabSelected="1" workbookViewId="0">
      <selection activeCell="K3" sqref="K3"/>
    </sheetView>
  </sheetViews>
  <sheetFormatPr defaultRowHeight="15"/>
  <cols>
    <col min="1" max="1" width="7.7109375" style="9" customWidth="1"/>
    <col min="2" max="2" width="11.7109375" style="9" customWidth="1"/>
    <col min="3" max="3" width="11.140625" style="9" customWidth="1"/>
    <col min="4" max="4" width="9.140625" style="9"/>
    <col min="5" max="5" width="12.5703125" style="10" customWidth="1"/>
  </cols>
  <sheetData>
    <row r="1" spans="1:21" ht="79.5" customHeight="1">
      <c r="A1" s="1" t="s">
        <v>0</v>
      </c>
      <c r="B1" s="2"/>
      <c r="C1" s="2"/>
      <c r="D1" s="2"/>
      <c r="E1" s="2"/>
    </row>
    <row r="2" spans="1:21" s="5" customFormat="1" ht="63">
      <c r="A2" s="3" t="s">
        <v>1</v>
      </c>
      <c r="B2" s="3" t="s">
        <v>2</v>
      </c>
      <c r="C2" s="3" t="s">
        <v>3</v>
      </c>
      <c r="D2" s="3" t="s">
        <v>4</v>
      </c>
      <c r="E2" s="4" t="s">
        <v>5</v>
      </c>
      <c r="U2" s="3"/>
    </row>
    <row r="3" spans="1:21">
      <c r="A3" s="6">
        <v>4</v>
      </c>
      <c r="B3" s="6">
        <v>10797</v>
      </c>
      <c r="C3" s="6">
        <v>10128</v>
      </c>
      <c r="D3" s="6">
        <f>B3-C3</f>
        <v>669</v>
      </c>
      <c r="E3" s="7">
        <f>D3/B3</f>
        <v>6.1961656015559877E-2</v>
      </c>
      <c r="H3" s="8"/>
      <c r="S3" s="8"/>
    </row>
    <row r="4" spans="1:21">
      <c r="A4" s="6">
        <v>5</v>
      </c>
      <c r="B4" s="6">
        <v>10292</v>
      </c>
      <c r="C4" s="6">
        <v>10577</v>
      </c>
      <c r="D4" s="6">
        <f t="shared" ref="D4:D67" si="0">B4-C4</f>
        <v>-285</v>
      </c>
      <c r="E4" s="7">
        <f t="shared" ref="E4:E67" si="1">D4/B4</f>
        <v>-2.7691410804508355E-2</v>
      </c>
      <c r="H4" s="8"/>
      <c r="S4" s="8"/>
    </row>
    <row r="5" spans="1:21">
      <c r="A5" s="6">
        <v>6</v>
      </c>
      <c r="B5" s="6">
        <v>10072</v>
      </c>
      <c r="C5" s="6">
        <v>10514</v>
      </c>
      <c r="D5" s="6">
        <f t="shared" si="0"/>
        <v>-442</v>
      </c>
      <c r="E5" s="7">
        <f t="shared" si="1"/>
        <v>-4.3884034948371724E-2</v>
      </c>
      <c r="H5" s="8"/>
      <c r="S5" s="8"/>
    </row>
    <row r="6" spans="1:21">
      <c r="A6" s="6">
        <v>7</v>
      </c>
      <c r="B6" s="6">
        <v>11302</v>
      </c>
      <c r="C6" s="6">
        <v>10825</v>
      </c>
      <c r="D6" s="6">
        <f t="shared" si="0"/>
        <v>477</v>
      </c>
      <c r="E6" s="7">
        <f t="shared" si="1"/>
        <v>4.2204919483277294E-2</v>
      </c>
      <c r="H6" s="8"/>
      <c r="S6" s="8"/>
    </row>
    <row r="7" spans="1:21">
      <c r="A7" s="6">
        <v>8</v>
      </c>
      <c r="B7" s="6">
        <v>10798</v>
      </c>
      <c r="C7" s="6">
        <v>11275</v>
      </c>
      <c r="D7" s="6">
        <f t="shared" si="0"/>
        <v>-477</v>
      </c>
      <c r="E7" s="7">
        <f t="shared" si="1"/>
        <v>-4.4174847193924803E-2</v>
      </c>
      <c r="H7" s="8"/>
      <c r="S7" s="8"/>
    </row>
    <row r="8" spans="1:21">
      <c r="A8" s="6">
        <v>9</v>
      </c>
      <c r="B8" s="6">
        <v>10115</v>
      </c>
      <c r="C8" s="6">
        <v>10600</v>
      </c>
      <c r="D8" s="6">
        <f t="shared" si="0"/>
        <v>-485</v>
      </c>
      <c r="E8" s="7">
        <f t="shared" si="1"/>
        <v>-4.7948591201186358E-2</v>
      </c>
      <c r="H8" s="8"/>
      <c r="S8" s="8"/>
    </row>
    <row r="9" spans="1:21">
      <c r="A9" s="6">
        <v>10</v>
      </c>
      <c r="B9" s="6">
        <v>10434</v>
      </c>
      <c r="C9" s="6">
        <v>10574</v>
      </c>
      <c r="D9" s="6">
        <f t="shared" si="0"/>
        <v>-140</v>
      </c>
      <c r="E9" s="7">
        <f t="shared" si="1"/>
        <v>-1.3417672992141078E-2</v>
      </c>
      <c r="H9" s="8"/>
      <c r="S9" s="8"/>
    </row>
    <row r="10" spans="1:21">
      <c r="A10" s="6">
        <v>11</v>
      </c>
      <c r="B10" s="6">
        <v>11296</v>
      </c>
      <c r="C10" s="6">
        <v>11276</v>
      </c>
      <c r="D10" s="6">
        <f t="shared" si="0"/>
        <v>20</v>
      </c>
      <c r="E10" s="7">
        <f t="shared" si="1"/>
        <v>1.7705382436260624E-3</v>
      </c>
      <c r="H10" s="8"/>
      <c r="S10" s="8"/>
    </row>
    <row r="11" spans="1:21">
      <c r="A11" s="6">
        <v>12</v>
      </c>
      <c r="B11" s="6">
        <v>10063</v>
      </c>
      <c r="C11" s="6">
        <v>10561</v>
      </c>
      <c r="D11" s="6">
        <f t="shared" si="0"/>
        <v>-498</v>
      </c>
      <c r="E11" s="7">
        <f t="shared" si="1"/>
        <v>-4.9488224187618009E-2</v>
      </c>
      <c r="H11" s="8"/>
      <c r="S11" s="8"/>
    </row>
    <row r="12" spans="1:21">
      <c r="A12" s="6">
        <v>13</v>
      </c>
      <c r="B12" s="6">
        <v>11240</v>
      </c>
      <c r="C12" s="6">
        <v>11390</v>
      </c>
      <c r="D12" s="6">
        <f t="shared" si="0"/>
        <v>-150</v>
      </c>
      <c r="E12" s="7">
        <f t="shared" si="1"/>
        <v>-1.3345195729537367E-2</v>
      </c>
      <c r="H12" s="8"/>
      <c r="S12" s="8"/>
    </row>
    <row r="13" spans="1:21">
      <c r="A13" s="6">
        <v>14</v>
      </c>
      <c r="B13" s="6">
        <v>11303</v>
      </c>
      <c r="C13" s="6">
        <v>11303</v>
      </c>
      <c r="D13" s="6">
        <f t="shared" si="0"/>
        <v>0</v>
      </c>
      <c r="E13" s="7">
        <f t="shared" si="1"/>
        <v>0</v>
      </c>
      <c r="H13" s="8"/>
      <c r="S13" s="8"/>
    </row>
    <row r="14" spans="1:21">
      <c r="A14" s="6">
        <v>15</v>
      </c>
      <c r="B14" s="6">
        <v>11446</v>
      </c>
      <c r="C14" s="6">
        <v>11384</v>
      </c>
      <c r="D14" s="6">
        <f t="shared" si="0"/>
        <v>62</v>
      </c>
      <c r="E14" s="7">
        <f t="shared" si="1"/>
        <v>5.4167394723047355E-3</v>
      </c>
      <c r="H14" s="8"/>
      <c r="S14" s="8"/>
    </row>
    <row r="15" spans="1:21">
      <c r="A15" s="6">
        <v>16</v>
      </c>
      <c r="B15" s="6">
        <v>10604</v>
      </c>
      <c r="C15" s="6">
        <v>12110</v>
      </c>
      <c r="D15" s="6">
        <f t="shared" si="0"/>
        <v>-1506</v>
      </c>
      <c r="E15" s="7">
        <f t="shared" si="1"/>
        <v>-0.14202187853640136</v>
      </c>
      <c r="H15" s="8"/>
      <c r="S15" s="8"/>
    </row>
    <row r="16" spans="1:21">
      <c r="A16" s="6">
        <v>17</v>
      </c>
      <c r="B16" s="6">
        <v>10134</v>
      </c>
      <c r="C16" s="6">
        <v>11275</v>
      </c>
      <c r="D16" s="6">
        <f t="shared" si="0"/>
        <v>-1141</v>
      </c>
      <c r="E16" s="7">
        <f t="shared" si="1"/>
        <v>-0.11259127688967831</v>
      </c>
      <c r="H16" s="8"/>
      <c r="S16" s="8"/>
    </row>
    <row r="17" spans="1:19">
      <c r="A17" s="6">
        <v>18</v>
      </c>
      <c r="B17" s="6">
        <v>10051</v>
      </c>
      <c r="C17" s="6">
        <v>11280</v>
      </c>
      <c r="D17" s="6">
        <f t="shared" si="0"/>
        <v>-1229</v>
      </c>
      <c r="E17" s="7">
        <f t="shared" si="1"/>
        <v>-0.12227639040891454</v>
      </c>
      <c r="H17" s="8"/>
      <c r="S17" s="8"/>
    </row>
    <row r="18" spans="1:19">
      <c r="A18" s="6">
        <v>19</v>
      </c>
      <c r="B18" s="6">
        <v>11314</v>
      </c>
      <c r="C18" s="6">
        <v>11262</v>
      </c>
      <c r="D18" s="6">
        <f t="shared" si="0"/>
        <v>52</v>
      </c>
      <c r="E18" s="7">
        <f t="shared" si="1"/>
        <v>4.5960756584762239E-3</v>
      </c>
      <c r="H18" s="8"/>
      <c r="S18" s="8"/>
    </row>
    <row r="19" spans="1:19">
      <c r="A19" s="6">
        <v>20</v>
      </c>
      <c r="B19" s="6">
        <v>10326</v>
      </c>
      <c r="C19" s="6">
        <v>11276</v>
      </c>
      <c r="D19" s="6">
        <f t="shared" si="0"/>
        <v>-950</v>
      </c>
      <c r="E19" s="7">
        <f t="shared" si="1"/>
        <v>-9.2000774743366265E-2</v>
      </c>
      <c r="H19" s="8"/>
      <c r="S19" s="8"/>
    </row>
    <row r="20" spans="1:19">
      <c r="A20" s="6">
        <v>21</v>
      </c>
      <c r="B20" s="6">
        <v>11304</v>
      </c>
      <c r="C20" s="6">
        <v>10966</v>
      </c>
      <c r="D20" s="6">
        <f t="shared" si="0"/>
        <v>338</v>
      </c>
      <c r="E20" s="7">
        <f t="shared" si="1"/>
        <v>2.9900920028308565E-2</v>
      </c>
      <c r="H20" s="8"/>
      <c r="S20" s="8"/>
    </row>
    <row r="21" spans="1:19">
      <c r="A21" s="6">
        <v>22</v>
      </c>
      <c r="B21" s="6">
        <v>11271</v>
      </c>
      <c r="C21" s="6">
        <v>11849</v>
      </c>
      <c r="D21" s="6">
        <f t="shared" si="0"/>
        <v>-578</v>
      </c>
      <c r="E21" s="7">
        <f t="shared" si="1"/>
        <v>-5.128205128205128E-2</v>
      </c>
      <c r="H21" s="8"/>
      <c r="S21" s="8"/>
    </row>
    <row r="22" spans="1:19">
      <c r="A22" s="6">
        <v>23</v>
      </c>
      <c r="B22" s="6">
        <v>12691</v>
      </c>
      <c r="C22" s="6">
        <v>11350</v>
      </c>
      <c r="D22" s="6">
        <f t="shared" si="0"/>
        <v>1341</v>
      </c>
      <c r="E22" s="7">
        <f t="shared" si="1"/>
        <v>0.10566543219604443</v>
      </c>
      <c r="H22" s="8"/>
      <c r="S22" s="8"/>
    </row>
    <row r="23" spans="1:19">
      <c r="A23" s="6">
        <v>24</v>
      </c>
      <c r="B23" s="6">
        <v>10358</v>
      </c>
      <c r="C23" s="6">
        <v>13035</v>
      </c>
      <c r="D23" s="6">
        <f t="shared" si="0"/>
        <v>-2677</v>
      </c>
      <c r="E23" s="7">
        <f t="shared" si="1"/>
        <v>-0.25844757675226876</v>
      </c>
      <c r="H23" s="8"/>
      <c r="S23" s="8"/>
    </row>
    <row r="24" spans="1:19">
      <c r="A24" s="6">
        <v>25</v>
      </c>
      <c r="B24" s="6">
        <v>11306</v>
      </c>
      <c r="C24" s="6">
        <v>12104</v>
      </c>
      <c r="D24" s="6">
        <f t="shared" si="0"/>
        <v>-798</v>
      </c>
      <c r="E24" s="7">
        <f t="shared" si="1"/>
        <v>-7.0581991862727761E-2</v>
      </c>
      <c r="H24" s="8"/>
      <c r="S24" s="8"/>
    </row>
    <row r="25" spans="1:19">
      <c r="A25" s="6">
        <v>26</v>
      </c>
      <c r="B25" s="6">
        <v>11274</v>
      </c>
      <c r="C25" s="6">
        <v>12197</v>
      </c>
      <c r="D25" s="6">
        <f t="shared" si="0"/>
        <v>-923</v>
      </c>
      <c r="E25" s="7">
        <f t="shared" si="1"/>
        <v>-8.1869788894802203E-2</v>
      </c>
      <c r="H25" s="8"/>
      <c r="S25" s="8"/>
    </row>
    <row r="26" spans="1:19">
      <c r="A26" s="6">
        <v>27</v>
      </c>
      <c r="B26" s="6">
        <v>12597</v>
      </c>
      <c r="C26" s="6">
        <v>12510</v>
      </c>
      <c r="D26" s="6">
        <f t="shared" si="0"/>
        <v>87</v>
      </c>
      <c r="E26" s="7">
        <f t="shared" si="1"/>
        <v>6.9064062872112404E-3</v>
      </c>
      <c r="H26" s="8"/>
      <c r="S26" s="8"/>
    </row>
    <row r="27" spans="1:19">
      <c r="A27" s="6">
        <v>28</v>
      </c>
      <c r="B27" s="6">
        <v>11298</v>
      </c>
      <c r="C27" s="6">
        <v>12115</v>
      </c>
      <c r="D27" s="6">
        <f t="shared" si="0"/>
        <v>-817</v>
      </c>
      <c r="E27" s="7">
        <f t="shared" si="1"/>
        <v>-7.2313683837847406E-2</v>
      </c>
      <c r="H27" s="8"/>
      <c r="S27" s="8"/>
    </row>
    <row r="28" spans="1:19">
      <c r="A28" s="6">
        <v>29</v>
      </c>
      <c r="B28" s="6">
        <v>12703</v>
      </c>
      <c r="C28" s="6">
        <v>12502</v>
      </c>
      <c r="D28" s="6">
        <f t="shared" si="0"/>
        <v>201</v>
      </c>
      <c r="E28" s="7">
        <f t="shared" si="1"/>
        <v>1.582303392899315E-2</v>
      </c>
      <c r="H28" s="8"/>
      <c r="S28" s="8"/>
    </row>
    <row r="29" spans="1:19">
      <c r="A29" s="6">
        <v>30</v>
      </c>
      <c r="B29" s="6">
        <v>12701</v>
      </c>
      <c r="C29" s="6">
        <v>12276</v>
      </c>
      <c r="D29" s="6">
        <f t="shared" si="0"/>
        <v>425</v>
      </c>
      <c r="E29" s="7">
        <f t="shared" si="1"/>
        <v>3.346193213132824E-2</v>
      </c>
      <c r="H29" s="8"/>
      <c r="S29" s="8"/>
    </row>
    <row r="30" spans="1:19">
      <c r="A30" s="6">
        <v>31</v>
      </c>
      <c r="B30" s="6">
        <v>12268</v>
      </c>
      <c r="C30" s="6">
        <v>12935</v>
      </c>
      <c r="D30" s="6">
        <f t="shared" si="0"/>
        <v>-667</v>
      </c>
      <c r="E30" s="7">
        <f t="shared" si="1"/>
        <v>-5.436909031626997E-2</v>
      </c>
      <c r="H30" s="8"/>
      <c r="S30" s="8"/>
    </row>
    <row r="31" spans="1:19">
      <c r="A31" s="6">
        <v>32</v>
      </c>
      <c r="B31" s="6">
        <v>11519</v>
      </c>
      <c r="C31" s="6">
        <v>13783</v>
      </c>
      <c r="D31" s="6">
        <f t="shared" si="0"/>
        <v>-2264</v>
      </c>
      <c r="E31" s="7">
        <f t="shared" si="1"/>
        <v>-0.19654483896171543</v>
      </c>
      <c r="H31" s="8"/>
      <c r="S31" s="8"/>
    </row>
    <row r="32" spans="1:19">
      <c r="A32" s="6">
        <v>33</v>
      </c>
      <c r="B32" s="6">
        <v>11941</v>
      </c>
      <c r="C32" s="6">
        <v>12950</v>
      </c>
      <c r="D32" s="6">
        <f t="shared" si="0"/>
        <v>-1009</v>
      </c>
      <c r="E32" s="7">
        <f t="shared" si="1"/>
        <v>-8.4498785696340339E-2</v>
      </c>
      <c r="H32" s="8"/>
      <c r="S32" s="8"/>
    </row>
    <row r="33" spans="1:19">
      <c r="A33" s="6">
        <v>34</v>
      </c>
      <c r="B33" s="6">
        <v>11964</v>
      </c>
      <c r="C33" s="6">
        <v>12955</v>
      </c>
      <c r="D33" s="6">
        <f t="shared" si="0"/>
        <v>-991</v>
      </c>
      <c r="E33" s="7">
        <f t="shared" si="1"/>
        <v>-8.2831828819792716E-2</v>
      </c>
      <c r="H33" s="8"/>
      <c r="S33" s="8"/>
    </row>
    <row r="34" spans="1:19">
      <c r="A34" s="6">
        <v>35</v>
      </c>
      <c r="B34" s="6">
        <v>13385</v>
      </c>
      <c r="C34" s="6">
        <v>12566</v>
      </c>
      <c r="D34" s="6">
        <f t="shared" si="0"/>
        <v>819</v>
      </c>
      <c r="E34" s="7">
        <f t="shared" si="1"/>
        <v>6.1187896899514385E-2</v>
      </c>
      <c r="H34" s="8"/>
      <c r="S34" s="8"/>
    </row>
    <row r="35" spans="1:19">
      <c r="A35" s="6">
        <v>36</v>
      </c>
      <c r="B35" s="6">
        <v>11945</v>
      </c>
      <c r="C35" s="6">
        <v>13006</v>
      </c>
      <c r="D35" s="6">
        <f t="shared" si="0"/>
        <v>-1061</v>
      </c>
      <c r="E35" s="7">
        <f t="shared" si="1"/>
        <v>-8.88237756383424E-2</v>
      </c>
      <c r="H35" s="8"/>
      <c r="S35" s="8"/>
    </row>
    <row r="36" spans="1:19">
      <c r="A36" s="6">
        <v>37</v>
      </c>
      <c r="B36" s="6">
        <v>13375</v>
      </c>
      <c r="C36" s="6">
        <v>12883</v>
      </c>
      <c r="D36" s="6">
        <f t="shared" si="0"/>
        <v>492</v>
      </c>
      <c r="E36" s="7">
        <f t="shared" si="1"/>
        <v>3.6785046728971961E-2</v>
      </c>
      <c r="H36" s="8"/>
      <c r="S36" s="8"/>
    </row>
    <row r="37" spans="1:19">
      <c r="A37" s="6">
        <v>38</v>
      </c>
      <c r="B37" s="6">
        <v>13400</v>
      </c>
      <c r="C37" s="6">
        <v>12804</v>
      </c>
      <c r="D37" s="6">
        <f t="shared" si="0"/>
        <v>596</v>
      </c>
      <c r="E37" s="7">
        <f t="shared" si="1"/>
        <v>4.4477611940298506E-2</v>
      </c>
      <c r="H37" s="8"/>
      <c r="S37" s="8"/>
    </row>
    <row r="38" spans="1:19">
      <c r="A38" s="6">
        <v>39</v>
      </c>
      <c r="B38" s="6">
        <v>12375</v>
      </c>
      <c r="C38" s="6">
        <v>13439</v>
      </c>
      <c r="D38" s="6">
        <f t="shared" si="0"/>
        <v>-1064</v>
      </c>
      <c r="E38" s="7">
        <f t="shared" si="1"/>
        <v>-8.5979797979797976E-2</v>
      </c>
      <c r="H38" s="8"/>
      <c r="S38" s="8"/>
    </row>
    <row r="39" spans="1:19">
      <c r="A39" s="6">
        <v>40</v>
      </c>
      <c r="B39" s="6">
        <v>12002</v>
      </c>
      <c r="C39" s="6">
        <v>14644</v>
      </c>
      <c r="D39" s="6">
        <f t="shared" si="0"/>
        <v>-2642</v>
      </c>
      <c r="E39" s="7">
        <f t="shared" si="1"/>
        <v>-0.22012997833694384</v>
      </c>
      <c r="H39" s="8"/>
      <c r="S39" s="8"/>
    </row>
    <row r="40" spans="1:19">
      <c r="A40" s="6">
        <v>41</v>
      </c>
      <c r="B40" s="6">
        <v>12882</v>
      </c>
      <c r="C40" s="6">
        <v>13817</v>
      </c>
      <c r="D40" s="6">
        <f t="shared" si="0"/>
        <v>-935</v>
      </c>
      <c r="E40" s="7">
        <f t="shared" si="1"/>
        <v>-7.2581897220928421E-2</v>
      </c>
      <c r="H40" s="8"/>
      <c r="S40" s="8"/>
    </row>
    <row r="41" spans="1:19">
      <c r="A41" s="6">
        <v>42</v>
      </c>
      <c r="B41" s="6">
        <v>13022</v>
      </c>
      <c r="C41" s="6">
        <v>13779</v>
      </c>
      <c r="D41" s="6">
        <f t="shared" si="0"/>
        <v>-757</v>
      </c>
      <c r="E41" s="7">
        <f t="shared" si="1"/>
        <v>-5.8132391337736136E-2</v>
      </c>
      <c r="H41" s="8"/>
      <c r="S41" s="8"/>
    </row>
    <row r="42" spans="1:19">
      <c r="A42" s="6">
        <v>43</v>
      </c>
      <c r="B42" s="6">
        <v>12601</v>
      </c>
      <c r="C42" s="6">
        <v>13421</v>
      </c>
      <c r="D42" s="6">
        <f t="shared" si="0"/>
        <v>-820</v>
      </c>
      <c r="E42" s="7">
        <f t="shared" si="1"/>
        <v>-6.5074200460280923E-2</v>
      </c>
      <c r="H42" s="8"/>
      <c r="S42" s="8"/>
    </row>
    <row r="43" spans="1:19">
      <c r="A43" s="6">
        <v>44</v>
      </c>
      <c r="B43" s="6">
        <v>13080</v>
      </c>
      <c r="C43" s="6">
        <v>13884</v>
      </c>
      <c r="D43" s="6">
        <f t="shared" si="0"/>
        <v>-804</v>
      </c>
      <c r="E43" s="7">
        <f t="shared" si="1"/>
        <v>-6.1467889908256884E-2</v>
      </c>
      <c r="H43" s="8"/>
      <c r="S43" s="8"/>
    </row>
    <row r="44" spans="1:19">
      <c r="A44" s="6">
        <v>45</v>
      </c>
      <c r="B44" s="6">
        <v>12571</v>
      </c>
      <c r="C44" s="6">
        <v>13268</v>
      </c>
      <c r="D44" s="6">
        <f t="shared" si="0"/>
        <v>-697</v>
      </c>
      <c r="E44" s="7">
        <f t="shared" si="1"/>
        <v>-5.5445071991090604E-2</v>
      </c>
      <c r="H44" s="8"/>
      <c r="S44" s="8"/>
    </row>
    <row r="45" spans="1:19">
      <c r="A45" s="6">
        <v>46</v>
      </c>
      <c r="B45" s="6">
        <v>12660</v>
      </c>
      <c r="C45" s="6">
        <v>13428</v>
      </c>
      <c r="D45" s="6">
        <f t="shared" si="0"/>
        <v>-768</v>
      </c>
      <c r="E45" s="7">
        <f t="shared" si="1"/>
        <v>-6.0663507109004741E-2</v>
      </c>
      <c r="H45" s="8"/>
      <c r="S45" s="8"/>
    </row>
    <row r="46" spans="1:19">
      <c r="A46" s="6">
        <v>47</v>
      </c>
      <c r="B46" s="6">
        <v>12983</v>
      </c>
      <c r="C46" s="6">
        <v>13482</v>
      </c>
      <c r="D46" s="6">
        <f t="shared" si="0"/>
        <v>-499</v>
      </c>
      <c r="E46" s="7">
        <f t="shared" si="1"/>
        <v>-3.8434876376800431E-2</v>
      </c>
      <c r="H46" s="8"/>
      <c r="S46" s="8"/>
    </row>
    <row r="47" spans="1:19">
      <c r="A47" s="6">
        <v>48</v>
      </c>
      <c r="B47" s="6">
        <v>12957</v>
      </c>
      <c r="C47" s="6">
        <v>15449</v>
      </c>
      <c r="D47" s="6">
        <f t="shared" si="0"/>
        <v>-2492</v>
      </c>
      <c r="E47" s="7">
        <f t="shared" si="1"/>
        <v>-0.19232847109670448</v>
      </c>
      <c r="H47" s="8"/>
      <c r="S47" s="8"/>
    </row>
    <row r="48" spans="1:19">
      <c r="A48" s="6">
        <v>49</v>
      </c>
      <c r="B48" s="6">
        <v>13177</v>
      </c>
      <c r="C48" s="6">
        <v>14621</v>
      </c>
      <c r="D48" s="6">
        <f t="shared" si="0"/>
        <v>-1444</v>
      </c>
      <c r="E48" s="7">
        <f t="shared" si="1"/>
        <v>-0.10958488275024664</v>
      </c>
      <c r="H48" s="8"/>
      <c r="S48" s="8"/>
    </row>
    <row r="49" spans="1:19">
      <c r="A49" s="6">
        <v>50</v>
      </c>
      <c r="B49" s="6">
        <v>12880</v>
      </c>
      <c r="C49" s="6">
        <v>14670</v>
      </c>
      <c r="D49" s="6">
        <f t="shared" si="0"/>
        <v>-1790</v>
      </c>
      <c r="E49" s="7">
        <f t="shared" si="1"/>
        <v>-0.1389751552795031</v>
      </c>
      <c r="H49" s="8"/>
      <c r="S49" s="8"/>
    </row>
    <row r="50" spans="1:19">
      <c r="A50" s="6">
        <v>51</v>
      </c>
      <c r="B50" s="6">
        <v>13251</v>
      </c>
      <c r="C50" s="6">
        <v>14309</v>
      </c>
      <c r="D50" s="6">
        <f t="shared" si="0"/>
        <v>-1058</v>
      </c>
      <c r="E50" s="7">
        <f t="shared" si="1"/>
        <v>-7.9843030714663046E-2</v>
      </c>
      <c r="H50" s="8"/>
      <c r="S50" s="8"/>
    </row>
    <row r="51" spans="1:19">
      <c r="A51" s="6">
        <v>52</v>
      </c>
      <c r="B51" s="6">
        <v>12861</v>
      </c>
      <c r="C51" s="6">
        <v>14626</v>
      </c>
      <c r="D51" s="6">
        <f t="shared" si="0"/>
        <v>-1765</v>
      </c>
      <c r="E51" s="7">
        <f t="shared" si="1"/>
        <v>-0.13723660679573907</v>
      </c>
      <c r="H51" s="8"/>
      <c r="S51" s="8"/>
    </row>
    <row r="52" spans="1:19">
      <c r="A52" s="6">
        <v>53</v>
      </c>
      <c r="B52" s="6">
        <v>13271</v>
      </c>
      <c r="C52" s="6">
        <v>13972</v>
      </c>
      <c r="D52" s="6">
        <f t="shared" si="0"/>
        <v>-701</v>
      </c>
      <c r="E52" s="7">
        <f t="shared" si="1"/>
        <v>-5.2821942581568831E-2</v>
      </c>
      <c r="H52" s="8"/>
      <c r="S52" s="8"/>
    </row>
    <row r="53" spans="1:19">
      <c r="A53" s="6">
        <v>54</v>
      </c>
      <c r="B53" s="6">
        <v>13374</v>
      </c>
      <c r="C53" s="6">
        <v>14330</v>
      </c>
      <c r="D53" s="6">
        <f t="shared" si="0"/>
        <v>-956</v>
      </c>
      <c r="E53" s="7">
        <f t="shared" si="1"/>
        <v>-7.1481979961118589E-2</v>
      </c>
      <c r="H53" s="8"/>
      <c r="S53" s="8"/>
    </row>
    <row r="54" spans="1:19">
      <c r="A54" s="6">
        <v>55</v>
      </c>
      <c r="B54" s="6">
        <v>13857</v>
      </c>
      <c r="C54" s="6">
        <v>13827</v>
      </c>
      <c r="D54" s="6">
        <f t="shared" si="0"/>
        <v>30</v>
      </c>
      <c r="E54" s="7">
        <f t="shared" si="1"/>
        <v>2.1649707728945661E-3</v>
      </c>
      <c r="H54" s="8"/>
      <c r="S54" s="8"/>
    </row>
    <row r="55" spans="1:19">
      <c r="A55" s="6">
        <v>56</v>
      </c>
      <c r="B55" s="6">
        <v>12857</v>
      </c>
      <c r="C55" s="6">
        <v>16292</v>
      </c>
      <c r="D55" s="6">
        <f t="shared" si="0"/>
        <v>-3435</v>
      </c>
      <c r="E55" s="7">
        <f t="shared" si="1"/>
        <v>-0.26716963521816911</v>
      </c>
      <c r="H55" s="8"/>
      <c r="S55" s="8"/>
    </row>
    <row r="56" spans="1:19">
      <c r="A56" s="6">
        <v>57</v>
      </c>
      <c r="B56" s="6">
        <v>13249</v>
      </c>
      <c r="C56" s="6">
        <v>15445</v>
      </c>
      <c r="D56" s="6">
        <f t="shared" si="0"/>
        <v>-2196</v>
      </c>
      <c r="E56" s="7">
        <f t="shared" si="1"/>
        <v>-0.16574835836666918</v>
      </c>
      <c r="H56" s="8"/>
      <c r="S56" s="8"/>
    </row>
    <row r="57" spans="1:19">
      <c r="A57" s="6">
        <v>58</v>
      </c>
      <c r="B57" s="6">
        <v>13408</v>
      </c>
      <c r="C57" s="6">
        <v>15512</v>
      </c>
      <c r="D57" s="6">
        <f t="shared" si="0"/>
        <v>-2104</v>
      </c>
      <c r="E57" s="7">
        <f t="shared" si="1"/>
        <v>-0.15692124105011934</v>
      </c>
      <c r="H57" s="8"/>
      <c r="S57" s="8"/>
    </row>
    <row r="58" spans="1:19">
      <c r="A58" s="6">
        <v>59</v>
      </c>
      <c r="B58" s="6">
        <v>13836</v>
      </c>
      <c r="C58" s="6">
        <v>15053</v>
      </c>
      <c r="D58" s="6">
        <f t="shared" si="0"/>
        <v>-1217</v>
      </c>
      <c r="E58" s="7">
        <f t="shared" si="1"/>
        <v>-8.7958947672737792E-2</v>
      </c>
      <c r="H58" s="8"/>
      <c r="S58" s="8"/>
    </row>
    <row r="59" spans="1:19">
      <c r="A59" s="6">
        <v>60</v>
      </c>
      <c r="B59" s="6">
        <v>13394</v>
      </c>
      <c r="C59" s="6">
        <v>15447</v>
      </c>
      <c r="D59" s="6">
        <f t="shared" si="0"/>
        <v>-2053</v>
      </c>
      <c r="E59" s="7">
        <f t="shared" si="1"/>
        <v>-0.15327758697924443</v>
      </c>
      <c r="H59" s="8"/>
      <c r="S59" s="8"/>
    </row>
    <row r="60" spans="1:19">
      <c r="A60" s="6">
        <v>61</v>
      </c>
      <c r="B60" s="6">
        <v>13829</v>
      </c>
      <c r="C60" s="6">
        <v>14621</v>
      </c>
      <c r="D60" s="6">
        <f t="shared" si="0"/>
        <v>-792</v>
      </c>
      <c r="E60" s="7">
        <f t="shared" si="1"/>
        <v>-5.7270952346518189E-2</v>
      </c>
      <c r="H60" s="8"/>
      <c r="S60" s="8"/>
    </row>
    <row r="61" spans="1:19">
      <c r="A61" s="6">
        <v>62</v>
      </c>
      <c r="B61" s="6">
        <v>14243</v>
      </c>
      <c r="C61" s="6">
        <v>15149</v>
      </c>
      <c r="D61" s="6">
        <f t="shared" si="0"/>
        <v>-906</v>
      </c>
      <c r="E61" s="7">
        <f t="shared" si="1"/>
        <v>-6.3610194481499682E-2</v>
      </c>
      <c r="H61" s="8"/>
      <c r="S61" s="8"/>
    </row>
    <row r="62" spans="1:19">
      <c r="A62" s="6">
        <v>63</v>
      </c>
      <c r="B62" s="6">
        <v>14247</v>
      </c>
      <c r="C62" s="6">
        <v>14654</v>
      </c>
      <c r="D62" s="6">
        <f t="shared" si="0"/>
        <v>-407</v>
      </c>
      <c r="E62" s="7">
        <f t="shared" si="1"/>
        <v>-2.8567417701972346E-2</v>
      </c>
      <c r="H62" s="8"/>
      <c r="S62" s="8"/>
    </row>
    <row r="63" spans="1:19">
      <c r="A63" s="6">
        <v>64</v>
      </c>
      <c r="B63" s="6">
        <v>13615</v>
      </c>
      <c r="C63" s="6">
        <v>13464</v>
      </c>
      <c r="D63" s="6">
        <f t="shared" si="0"/>
        <v>151</v>
      </c>
      <c r="E63" s="7">
        <f t="shared" si="1"/>
        <v>1.1090708777084098E-2</v>
      </c>
      <c r="H63" s="8"/>
      <c r="S63" s="8"/>
    </row>
    <row r="64" spans="1:19">
      <c r="A64" s="6">
        <v>65</v>
      </c>
      <c r="B64" s="6">
        <v>13817</v>
      </c>
      <c r="C64" s="6">
        <v>13818</v>
      </c>
      <c r="D64" s="6">
        <f t="shared" si="0"/>
        <v>-1</v>
      </c>
      <c r="E64" s="7">
        <f t="shared" si="1"/>
        <v>-7.2374610986465952E-5</v>
      </c>
      <c r="H64" s="8"/>
      <c r="S64" s="8"/>
    </row>
    <row r="65" spans="1:19">
      <c r="A65" s="6">
        <v>66</v>
      </c>
      <c r="B65" s="6">
        <v>14247</v>
      </c>
      <c r="C65" s="6">
        <v>14247</v>
      </c>
      <c r="D65" s="6">
        <f t="shared" si="0"/>
        <v>0</v>
      </c>
      <c r="E65" s="7">
        <f t="shared" si="1"/>
        <v>0</v>
      </c>
      <c r="H65" s="8"/>
      <c r="S65" s="8"/>
    </row>
    <row r="66" spans="1:19">
      <c r="A66" s="6">
        <v>67</v>
      </c>
      <c r="B66" s="6">
        <v>14270</v>
      </c>
      <c r="C66" s="6">
        <v>14253</v>
      </c>
      <c r="D66" s="6">
        <f t="shared" si="0"/>
        <v>17</v>
      </c>
      <c r="E66" s="7">
        <f t="shared" si="1"/>
        <v>1.1913104414856342E-3</v>
      </c>
      <c r="H66" s="8"/>
      <c r="S66" s="8"/>
    </row>
    <row r="67" spans="1:19">
      <c r="A67" s="6">
        <v>68</v>
      </c>
      <c r="B67" s="6">
        <v>14702</v>
      </c>
      <c r="C67" s="6">
        <v>14677</v>
      </c>
      <c r="D67" s="6">
        <f t="shared" si="0"/>
        <v>25</v>
      </c>
      <c r="E67" s="7">
        <f t="shared" si="1"/>
        <v>1.7004489185144878E-3</v>
      </c>
      <c r="H67" s="8"/>
      <c r="S67" s="8"/>
    </row>
    <row r="68" spans="1:19">
      <c r="A68" s="6">
        <v>69</v>
      </c>
      <c r="B68" s="6">
        <v>14678</v>
      </c>
      <c r="C68" s="6">
        <v>14661</v>
      </c>
      <c r="D68" s="6">
        <f t="shared" ref="D68:D131" si="2">B68-C68</f>
        <v>17</v>
      </c>
      <c r="E68" s="7">
        <f t="shared" ref="E68:E131" si="3">D68/B68</f>
        <v>1.1581959395012944E-3</v>
      </c>
      <c r="H68" s="8"/>
      <c r="S68" s="8"/>
    </row>
    <row r="69" spans="1:19">
      <c r="A69" s="6">
        <v>70</v>
      </c>
      <c r="B69" s="6">
        <v>14660</v>
      </c>
      <c r="C69" s="6">
        <v>14661</v>
      </c>
      <c r="D69" s="6">
        <f t="shared" si="2"/>
        <v>-1</v>
      </c>
      <c r="E69" s="7">
        <f t="shared" si="3"/>
        <v>-6.8212824010914058E-5</v>
      </c>
      <c r="H69" s="8"/>
      <c r="S69" s="8"/>
    </row>
    <row r="70" spans="1:19">
      <c r="A70" s="6">
        <v>71</v>
      </c>
      <c r="B70" s="6">
        <v>14663</v>
      </c>
      <c r="C70" s="6">
        <v>14676</v>
      </c>
      <c r="D70" s="6">
        <f t="shared" si="2"/>
        <v>-13</v>
      </c>
      <c r="E70" s="7">
        <f t="shared" si="3"/>
        <v>-8.8658528268430745E-4</v>
      </c>
      <c r="H70" s="8"/>
      <c r="S70" s="8"/>
    </row>
    <row r="71" spans="1:19">
      <c r="A71" s="6">
        <v>72</v>
      </c>
      <c r="B71" s="6">
        <v>15088</v>
      </c>
      <c r="C71" s="6">
        <v>15667</v>
      </c>
      <c r="D71" s="6">
        <f t="shared" si="2"/>
        <v>-579</v>
      </c>
      <c r="E71" s="7">
        <f t="shared" si="3"/>
        <v>-3.8374867444326617E-2</v>
      </c>
      <c r="H71" s="8"/>
      <c r="S71" s="8"/>
    </row>
    <row r="72" spans="1:19">
      <c r="A72" s="6">
        <v>73</v>
      </c>
      <c r="B72" s="6">
        <v>15076</v>
      </c>
      <c r="C72" s="6">
        <v>15912</v>
      </c>
      <c r="D72" s="6">
        <f t="shared" si="2"/>
        <v>-836</v>
      </c>
      <c r="E72" s="7">
        <f t="shared" si="3"/>
        <v>-5.5452374635181746E-2</v>
      </c>
      <c r="H72" s="8"/>
      <c r="S72" s="8"/>
    </row>
    <row r="73" spans="1:19">
      <c r="A73" s="6">
        <v>74</v>
      </c>
      <c r="B73" s="6">
        <v>15078</v>
      </c>
      <c r="C73" s="6">
        <v>15937</v>
      </c>
      <c r="D73" s="6">
        <f t="shared" si="2"/>
        <v>-859</v>
      </c>
      <c r="E73" s="7">
        <f t="shared" si="3"/>
        <v>-5.6970420480169787E-2</v>
      </c>
      <c r="H73" s="8"/>
      <c r="S73" s="8"/>
    </row>
    <row r="74" spans="1:19">
      <c r="A74" s="6">
        <v>75</v>
      </c>
      <c r="B74" s="6">
        <v>15106</v>
      </c>
      <c r="C74" s="6">
        <v>15956</v>
      </c>
      <c r="D74" s="6">
        <f t="shared" si="2"/>
        <v>-850</v>
      </c>
      <c r="E74" s="7">
        <f t="shared" si="3"/>
        <v>-5.626903217264663E-2</v>
      </c>
      <c r="H74" s="8"/>
      <c r="S74" s="8"/>
    </row>
    <row r="75" spans="1:19">
      <c r="A75" s="6">
        <v>76</v>
      </c>
      <c r="B75" s="6">
        <v>15080</v>
      </c>
      <c r="C75" s="6">
        <v>15910</v>
      </c>
      <c r="D75" s="6">
        <f t="shared" si="2"/>
        <v>-830</v>
      </c>
      <c r="E75" s="7">
        <f t="shared" si="3"/>
        <v>-5.5039787798408485E-2</v>
      </c>
      <c r="H75" s="8"/>
      <c r="S75" s="8"/>
    </row>
    <row r="76" spans="1:19">
      <c r="A76" s="6">
        <v>77</v>
      </c>
      <c r="B76" s="6">
        <v>15088</v>
      </c>
      <c r="C76" s="6">
        <v>15909</v>
      </c>
      <c r="D76" s="6">
        <f t="shared" si="2"/>
        <v>-821</v>
      </c>
      <c r="E76" s="7">
        <f t="shared" si="3"/>
        <v>-5.4414103923647934E-2</v>
      </c>
      <c r="H76" s="8"/>
      <c r="S76" s="8"/>
    </row>
    <row r="77" spans="1:19">
      <c r="A77" s="6">
        <v>78</v>
      </c>
      <c r="B77" s="6">
        <v>15082</v>
      </c>
      <c r="C77" s="6">
        <v>15909</v>
      </c>
      <c r="D77" s="6">
        <f t="shared" si="2"/>
        <v>-827</v>
      </c>
      <c r="E77" s="7">
        <f t="shared" si="3"/>
        <v>-5.4833576448746847E-2</v>
      </c>
      <c r="H77" s="8"/>
      <c r="S77" s="8"/>
    </row>
    <row r="78" spans="1:19">
      <c r="A78" s="6">
        <v>79</v>
      </c>
      <c r="B78" s="6">
        <v>15084</v>
      </c>
      <c r="C78" s="6">
        <v>15916</v>
      </c>
      <c r="D78" s="6">
        <f t="shared" si="2"/>
        <v>-832</v>
      </c>
      <c r="E78" s="7">
        <f t="shared" si="3"/>
        <v>-5.5157783081410769E-2</v>
      </c>
      <c r="H78" s="8"/>
      <c r="S78" s="8"/>
    </row>
    <row r="79" spans="1:19">
      <c r="A79" s="6">
        <v>80</v>
      </c>
      <c r="B79" s="6">
        <v>15959</v>
      </c>
      <c r="C79" s="6">
        <v>16501</v>
      </c>
      <c r="D79" s="6">
        <f t="shared" si="2"/>
        <v>-542</v>
      </c>
      <c r="E79" s="7">
        <f t="shared" si="3"/>
        <v>-3.3962027695970926E-2</v>
      </c>
      <c r="H79" s="8"/>
      <c r="S79" s="8"/>
    </row>
    <row r="80" spans="1:19">
      <c r="A80" s="6">
        <v>81</v>
      </c>
      <c r="B80" s="6">
        <v>15911</v>
      </c>
      <c r="C80" s="6">
        <v>16798</v>
      </c>
      <c r="D80" s="6">
        <f t="shared" si="2"/>
        <v>-887</v>
      </c>
      <c r="E80" s="7">
        <f t="shared" si="3"/>
        <v>-5.5747596002765382E-2</v>
      </c>
      <c r="H80" s="8"/>
      <c r="S80" s="8"/>
    </row>
    <row r="81" spans="1:19">
      <c r="A81" s="6">
        <v>82</v>
      </c>
      <c r="B81" s="6">
        <v>15913</v>
      </c>
      <c r="C81" s="6">
        <v>16751</v>
      </c>
      <c r="D81" s="6">
        <f t="shared" si="2"/>
        <v>-838</v>
      </c>
      <c r="E81" s="7">
        <f t="shared" si="3"/>
        <v>-5.2661346069251554E-2</v>
      </c>
      <c r="H81" s="8"/>
      <c r="S81" s="8"/>
    </row>
    <row r="82" spans="1:19">
      <c r="A82" s="6">
        <v>83</v>
      </c>
      <c r="B82" s="6">
        <v>15961</v>
      </c>
      <c r="C82" s="6">
        <v>16769</v>
      </c>
      <c r="D82" s="6">
        <f t="shared" si="2"/>
        <v>-808</v>
      </c>
      <c r="E82" s="7">
        <f t="shared" si="3"/>
        <v>-5.0623394524152619E-2</v>
      </c>
      <c r="H82" s="8"/>
      <c r="S82" s="8"/>
    </row>
    <row r="83" spans="1:19">
      <c r="A83" s="6">
        <v>84</v>
      </c>
      <c r="B83" s="6">
        <v>15919</v>
      </c>
      <c r="C83" s="6">
        <v>16755</v>
      </c>
      <c r="D83" s="6">
        <f t="shared" si="2"/>
        <v>-836</v>
      </c>
      <c r="E83" s="7">
        <f t="shared" si="3"/>
        <v>-5.2515861549092283E-2</v>
      </c>
      <c r="H83" s="8"/>
      <c r="S83" s="8"/>
    </row>
    <row r="84" spans="1:19">
      <c r="A84" s="6">
        <v>85</v>
      </c>
      <c r="B84" s="6">
        <v>15973</v>
      </c>
      <c r="C84" s="6">
        <v>16782</v>
      </c>
      <c r="D84" s="6">
        <f t="shared" si="2"/>
        <v>-809</v>
      </c>
      <c r="E84" s="7">
        <f t="shared" si="3"/>
        <v>-5.0647968446753899E-2</v>
      </c>
      <c r="H84" s="8"/>
      <c r="S84" s="8"/>
    </row>
    <row r="85" spans="1:19">
      <c r="A85" s="6">
        <v>86</v>
      </c>
      <c r="B85" s="6">
        <v>16822</v>
      </c>
      <c r="C85" s="6">
        <v>16756</v>
      </c>
      <c r="D85" s="6">
        <f t="shared" si="2"/>
        <v>66</v>
      </c>
      <c r="E85" s="7">
        <f t="shared" si="3"/>
        <v>3.9234335988586376E-3</v>
      </c>
      <c r="H85" s="8"/>
      <c r="S85" s="8"/>
    </row>
    <row r="86" spans="1:19">
      <c r="A86" s="6">
        <v>87</v>
      </c>
      <c r="B86" s="6">
        <v>15914</v>
      </c>
      <c r="C86" s="6">
        <v>16807</v>
      </c>
      <c r="D86" s="6">
        <f t="shared" si="2"/>
        <v>-893</v>
      </c>
      <c r="E86" s="7">
        <f t="shared" si="3"/>
        <v>-5.6114113359306272E-2</v>
      </c>
      <c r="H86" s="8"/>
      <c r="S86" s="8"/>
    </row>
    <row r="87" spans="1:19">
      <c r="A87" s="6">
        <v>88</v>
      </c>
      <c r="B87" s="6">
        <v>15959</v>
      </c>
      <c r="C87" s="6">
        <v>17164</v>
      </c>
      <c r="D87" s="6">
        <f t="shared" si="2"/>
        <v>-1205</v>
      </c>
      <c r="E87" s="7">
        <f t="shared" si="3"/>
        <v>-7.5505984084215799E-2</v>
      </c>
      <c r="H87" s="8"/>
      <c r="S87" s="8"/>
    </row>
    <row r="88" spans="1:19">
      <c r="A88" s="6">
        <v>89</v>
      </c>
      <c r="B88" s="6">
        <v>15900</v>
      </c>
      <c r="C88" s="6">
        <v>17627</v>
      </c>
      <c r="D88" s="6">
        <f t="shared" si="2"/>
        <v>-1727</v>
      </c>
      <c r="E88" s="7">
        <f t="shared" si="3"/>
        <v>-0.10861635220125786</v>
      </c>
      <c r="H88" s="8"/>
      <c r="S88" s="8"/>
    </row>
    <row r="89" spans="1:19">
      <c r="A89" s="6">
        <v>90</v>
      </c>
      <c r="B89" s="6">
        <v>15915</v>
      </c>
      <c r="C89" s="6">
        <v>17618</v>
      </c>
      <c r="D89" s="6">
        <f t="shared" si="2"/>
        <v>-1703</v>
      </c>
      <c r="E89" s="7">
        <f t="shared" si="3"/>
        <v>-0.10700596921143575</v>
      </c>
      <c r="H89" s="8"/>
      <c r="S89" s="8"/>
    </row>
    <row r="90" spans="1:19">
      <c r="A90" s="6">
        <v>91</v>
      </c>
      <c r="B90" s="6">
        <v>15920</v>
      </c>
      <c r="C90" s="6">
        <v>17590</v>
      </c>
      <c r="D90" s="6">
        <f t="shared" si="2"/>
        <v>-1670</v>
      </c>
      <c r="E90" s="7">
        <f t="shared" si="3"/>
        <v>-0.10489949748743718</v>
      </c>
      <c r="H90" s="8"/>
      <c r="S90" s="8"/>
    </row>
    <row r="91" spans="1:19">
      <c r="A91" s="6">
        <v>92</v>
      </c>
      <c r="B91" s="6">
        <v>15913</v>
      </c>
      <c r="C91" s="6">
        <v>17595</v>
      </c>
      <c r="D91" s="6">
        <f t="shared" si="2"/>
        <v>-1682</v>
      </c>
      <c r="E91" s="7">
        <f t="shared" si="3"/>
        <v>-0.10569974234902281</v>
      </c>
      <c r="H91" s="8"/>
      <c r="S91" s="8"/>
    </row>
    <row r="92" spans="1:19">
      <c r="A92" s="6">
        <v>93</v>
      </c>
      <c r="B92" s="6">
        <v>15980</v>
      </c>
      <c r="C92" s="6">
        <v>17626</v>
      </c>
      <c r="D92" s="6">
        <f t="shared" si="2"/>
        <v>-1646</v>
      </c>
      <c r="E92" s="7">
        <f t="shared" si="3"/>
        <v>-0.10300375469336671</v>
      </c>
      <c r="H92" s="8"/>
      <c r="S92" s="8"/>
    </row>
    <row r="93" spans="1:19">
      <c r="A93" s="6">
        <v>94</v>
      </c>
      <c r="B93" s="6">
        <v>15953</v>
      </c>
      <c r="C93" s="6">
        <v>17629</v>
      </c>
      <c r="D93" s="6">
        <f t="shared" si="2"/>
        <v>-1676</v>
      </c>
      <c r="E93" s="7">
        <f t="shared" si="3"/>
        <v>-0.10505860966589356</v>
      </c>
      <c r="H93" s="8"/>
      <c r="S93" s="8"/>
    </row>
    <row r="94" spans="1:19">
      <c r="A94" s="6">
        <v>95</v>
      </c>
      <c r="B94" s="6">
        <v>15909</v>
      </c>
      <c r="C94" s="6">
        <v>17597</v>
      </c>
      <c r="D94" s="6">
        <f t="shared" si="2"/>
        <v>-1688</v>
      </c>
      <c r="E94" s="7">
        <f t="shared" si="3"/>
        <v>-0.10610346344836256</v>
      </c>
      <c r="H94" s="8"/>
      <c r="S94" s="8"/>
    </row>
    <row r="95" spans="1:19">
      <c r="A95" s="6">
        <v>96</v>
      </c>
      <c r="B95" s="6">
        <v>16806</v>
      </c>
      <c r="C95" s="6">
        <v>18066</v>
      </c>
      <c r="D95" s="6">
        <f t="shared" si="2"/>
        <v>-1260</v>
      </c>
      <c r="E95" s="7">
        <f t="shared" si="3"/>
        <v>-7.4973223848625495E-2</v>
      </c>
      <c r="H95" s="8"/>
      <c r="S95" s="8"/>
    </row>
    <row r="96" spans="1:19">
      <c r="A96" s="6">
        <v>97</v>
      </c>
      <c r="B96" s="6">
        <v>17210</v>
      </c>
      <c r="C96" s="6">
        <v>18417</v>
      </c>
      <c r="D96" s="6">
        <f t="shared" si="2"/>
        <v>-1207</v>
      </c>
      <c r="E96" s="7">
        <f t="shared" si="3"/>
        <v>-7.0133643230679832E-2</v>
      </c>
      <c r="H96" s="8"/>
      <c r="S96" s="8"/>
    </row>
    <row r="97" spans="1:19">
      <c r="A97" s="6">
        <v>98</v>
      </c>
      <c r="B97" s="6">
        <v>17243</v>
      </c>
      <c r="C97" s="6">
        <v>18422</v>
      </c>
      <c r="D97" s="6">
        <f t="shared" si="2"/>
        <v>-1179</v>
      </c>
      <c r="E97" s="7">
        <f t="shared" si="3"/>
        <v>-6.8375572696166564E-2</v>
      </c>
      <c r="H97" s="8"/>
      <c r="S97" s="8"/>
    </row>
    <row r="98" spans="1:19">
      <c r="A98" s="6">
        <v>99</v>
      </c>
      <c r="B98" s="6">
        <v>17162</v>
      </c>
      <c r="C98" s="6">
        <v>18452</v>
      </c>
      <c r="D98" s="6">
        <f t="shared" si="2"/>
        <v>-1290</v>
      </c>
      <c r="E98" s="7">
        <f t="shared" si="3"/>
        <v>-7.5166064561239948E-2</v>
      </c>
      <c r="H98" s="8"/>
      <c r="S98" s="8"/>
    </row>
    <row r="99" spans="1:19">
      <c r="A99" s="6">
        <v>100</v>
      </c>
      <c r="B99" s="6">
        <v>17184</v>
      </c>
      <c r="C99" s="6">
        <v>18410</v>
      </c>
      <c r="D99" s="6">
        <f t="shared" si="2"/>
        <v>-1226</v>
      </c>
      <c r="E99" s="7">
        <f t="shared" si="3"/>
        <v>-7.1345437616387342E-2</v>
      </c>
      <c r="H99" s="8"/>
      <c r="S99" s="8"/>
    </row>
    <row r="100" spans="1:19">
      <c r="A100" s="6">
        <v>101</v>
      </c>
      <c r="B100" s="6">
        <v>17165</v>
      </c>
      <c r="C100" s="6">
        <v>18422</v>
      </c>
      <c r="D100" s="6">
        <f t="shared" si="2"/>
        <v>-1257</v>
      </c>
      <c r="E100" s="7">
        <f t="shared" si="3"/>
        <v>-7.3230410719487327E-2</v>
      </c>
      <c r="H100" s="8"/>
      <c r="S100" s="8"/>
    </row>
    <row r="101" spans="1:19">
      <c r="A101" s="6">
        <v>102</v>
      </c>
      <c r="B101" s="6">
        <v>17159</v>
      </c>
      <c r="C101" s="6">
        <v>18471</v>
      </c>
      <c r="D101" s="6">
        <f t="shared" si="2"/>
        <v>-1312</v>
      </c>
      <c r="E101" s="7">
        <f t="shared" si="3"/>
        <v>-7.6461332245468847E-2</v>
      </c>
      <c r="H101" s="8"/>
      <c r="S101" s="8"/>
    </row>
    <row r="102" spans="1:19">
      <c r="A102" s="6">
        <v>103</v>
      </c>
      <c r="B102" s="6">
        <v>17228</v>
      </c>
      <c r="C102" s="6">
        <v>18421</v>
      </c>
      <c r="D102" s="6">
        <f t="shared" si="2"/>
        <v>-1193</v>
      </c>
      <c r="E102" s="7">
        <f t="shared" si="3"/>
        <v>-6.9247736243324823E-2</v>
      </c>
      <c r="H102" s="8"/>
      <c r="S102" s="8"/>
    </row>
    <row r="103" spans="1:19">
      <c r="A103" s="6">
        <v>104</v>
      </c>
      <c r="B103" s="6">
        <v>17209</v>
      </c>
      <c r="C103" s="6">
        <v>18886</v>
      </c>
      <c r="D103" s="6">
        <f t="shared" si="2"/>
        <v>-1677</v>
      </c>
      <c r="E103" s="7">
        <f t="shared" si="3"/>
        <v>-9.74490092393515E-2</v>
      </c>
      <c r="H103" s="8"/>
      <c r="S103" s="8"/>
    </row>
    <row r="104" spans="1:19">
      <c r="A104" s="6">
        <v>105</v>
      </c>
      <c r="B104" s="6">
        <v>17188</v>
      </c>
      <c r="C104" s="6">
        <v>19262</v>
      </c>
      <c r="D104" s="6">
        <f t="shared" si="2"/>
        <v>-2074</v>
      </c>
      <c r="E104" s="7">
        <f t="shared" si="3"/>
        <v>-0.12066558063765417</v>
      </c>
      <c r="H104" s="8"/>
      <c r="S104" s="8"/>
    </row>
    <row r="105" spans="1:19">
      <c r="A105" s="6">
        <v>106</v>
      </c>
      <c r="B105" s="6">
        <v>17161</v>
      </c>
      <c r="C105" s="6">
        <v>19255</v>
      </c>
      <c r="D105" s="6">
        <f t="shared" si="2"/>
        <v>-2094</v>
      </c>
      <c r="E105" s="7">
        <f t="shared" si="3"/>
        <v>-0.12202086125517161</v>
      </c>
      <c r="H105" s="8"/>
      <c r="S105" s="8"/>
    </row>
    <row r="106" spans="1:19">
      <c r="A106" s="6">
        <v>107</v>
      </c>
      <c r="B106" s="6">
        <v>17189</v>
      </c>
      <c r="C106" s="6">
        <v>19280</v>
      </c>
      <c r="D106" s="6">
        <f t="shared" si="2"/>
        <v>-2091</v>
      </c>
      <c r="E106" s="7">
        <f t="shared" si="3"/>
        <v>-0.1216475653033917</v>
      </c>
      <c r="H106" s="8"/>
      <c r="S106" s="8"/>
    </row>
    <row r="107" spans="1:19">
      <c r="A107" s="6">
        <v>108</v>
      </c>
      <c r="B107" s="6">
        <v>17218</v>
      </c>
      <c r="C107" s="6">
        <v>19277</v>
      </c>
      <c r="D107" s="6">
        <f t="shared" si="2"/>
        <v>-2059</v>
      </c>
      <c r="E107" s="7">
        <f t="shared" si="3"/>
        <v>-0.11958415611569288</v>
      </c>
      <c r="H107" s="8"/>
      <c r="S107" s="8"/>
    </row>
    <row r="108" spans="1:19">
      <c r="A108" s="6">
        <v>109</v>
      </c>
      <c r="B108" s="6">
        <v>17249</v>
      </c>
      <c r="C108" s="6">
        <v>19275</v>
      </c>
      <c r="D108" s="6">
        <f t="shared" si="2"/>
        <v>-2026</v>
      </c>
      <c r="E108" s="7">
        <f t="shared" si="3"/>
        <v>-0.11745608441069047</v>
      </c>
      <c r="H108" s="8"/>
      <c r="S108" s="8"/>
    </row>
    <row r="109" spans="1:19">
      <c r="A109" s="6">
        <v>110</v>
      </c>
      <c r="B109" s="6">
        <v>17193</v>
      </c>
      <c r="C109" s="6">
        <v>19283</v>
      </c>
      <c r="D109" s="6">
        <f t="shared" si="2"/>
        <v>-2090</v>
      </c>
      <c r="E109" s="7">
        <f t="shared" si="3"/>
        <v>-0.12156110044785669</v>
      </c>
      <c r="H109" s="8"/>
      <c r="S109" s="8"/>
    </row>
    <row r="110" spans="1:19">
      <c r="A110" s="6">
        <v>111</v>
      </c>
      <c r="B110" s="6">
        <v>17205</v>
      </c>
      <c r="C110" s="6">
        <v>19321</v>
      </c>
      <c r="D110" s="6">
        <f t="shared" si="2"/>
        <v>-2116</v>
      </c>
      <c r="E110" s="7">
        <f t="shared" si="3"/>
        <v>-0.12298750363266492</v>
      </c>
      <c r="H110" s="8"/>
      <c r="S110" s="8"/>
    </row>
    <row r="111" spans="1:19">
      <c r="A111" s="6">
        <v>112</v>
      </c>
      <c r="B111" s="6">
        <v>17602</v>
      </c>
      <c r="C111" s="6">
        <v>19678</v>
      </c>
      <c r="D111" s="6">
        <f t="shared" si="2"/>
        <v>-2076</v>
      </c>
      <c r="E111" s="7">
        <f t="shared" si="3"/>
        <v>-0.11794114305192592</v>
      </c>
      <c r="H111" s="8"/>
      <c r="S111" s="8"/>
    </row>
    <row r="112" spans="1:19">
      <c r="A112" s="6">
        <v>113</v>
      </c>
      <c r="B112" s="6">
        <v>17585</v>
      </c>
      <c r="C112" s="6">
        <v>20156</v>
      </c>
      <c r="D112" s="6">
        <f t="shared" si="2"/>
        <v>-2571</v>
      </c>
      <c r="E112" s="7">
        <f t="shared" si="3"/>
        <v>-0.14620415126528291</v>
      </c>
      <c r="H112" s="8"/>
      <c r="S112" s="8"/>
    </row>
    <row r="113" spans="1:19">
      <c r="A113" s="6">
        <v>114</v>
      </c>
      <c r="B113" s="6">
        <v>17618</v>
      </c>
      <c r="C113" s="6">
        <v>20127</v>
      </c>
      <c r="D113" s="6">
        <f t="shared" si="2"/>
        <v>-2509</v>
      </c>
      <c r="E113" s="7">
        <f t="shared" si="3"/>
        <v>-0.14241117039391532</v>
      </c>
      <c r="H113" s="8"/>
      <c r="S113" s="8"/>
    </row>
    <row r="114" spans="1:19">
      <c r="A114" s="6">
        <v>115</v>
      </c>
      <c r="B114" s="6">
        <v>17594</v>
      </c>
      <c r="C114" s="6">
        <v>20119</v>
      </c>
      <c r="D114" s="6">
        <f t="shared" si="2"/>
        <v>-2525</v>
      </c>
      <c r="E114" s="7">
        <f t="shared" si="3"/>
        <v>-0.14351483460270548</v>
      </c>
      <c r="H114" s="8"/>
      <c r="S114" s="8"/>
    </row>
    <row r="115" spans="1:19">
      <c r="A115" s="6">
        <v>116</v>
      </c>
      <c r="B115" s="6">
        <v>17599</v>
      </c>
      <c r="C115" s="6">
        <v>20176</v>
      </c>
      <c r="D115" s="6">
        <f t="shared" si="2"/>
        <v>-2577</v>
      </c>
      <c r="E115" s="7">
        <f t="shared" si="3"/>
        <v>-0.14642877436217966</v>
      </c>
      <c r="H115" s="8"/>
      <c r="S115" s="8"/>
    </row>
    <row r="116" spans="1:19">
      <c r="A116" s="6">
        <v>117</v>
      </c>
      <c r="B116" s="6">
        <v>17615</v>
      </c>
      <c r="C116" s="6">
        <v>20126</v>
      </c>
      <c r="D116" s="6">
        <f t="shared" si="2"/>
        <v>-2511</v>
      </c>
      <c r="E116" s="7">
        <f t="shared" si="3"/>
        <v>-0.14254896395117797</v>
      </c>
      <c r="H116" s="8"/>
      <c r="S116" s="8"/>
    </row>
    <row r="117" spans="1:19">
      <c r="A117" s="6">
        <v>118</v>
      </c>
      <c r="B117" s="6">
        <v>17584</v>
      </c>
      <c r="C117" s="6">
        <v>20089</v>
      </c>
      <c r="D117" s="6">
        <f t="shared" si="2"/>
        <v>-2505</v>
      </c>
      <c r="E117" s="7">
        <f t="shared" si="3"/>
        <v>-0.14245905368516834</v>
      </c>
      <c r="H117" s="8"/>
      <c r="S117" s="8"/>
    </row>
    <row r="118" spans="1:19">
      <c r="A118" s="6">
        <v>119</v>
      </c>
      <c r="B118" s="6">
        <v>17577</v>
      </c>
      <c r="C118" s="6">
        <v>20169</v>
      </c>
      <c r="D118" s="6">
        <f t="shared" si="2"/>
        <v>-2592</v>
      </c>
      <c r="E118" s="7">
        <f t="shared" si="3"/>
        <v>-0.14746543778801843</v>
      </c>
      <c r="H118" s="8"/>
      <c r="S118" s="8"/>
    </row>
    <row r="119" spans="1:19">
      <c r="A119" s="6">
        <v>120</v>
      </c>
      <c r="B119" s="6">
        <v>17580</v>
      </c>
      <c r="C119" s="6">
        <v>20560</v>
      </c>
      <c r="D119" s="6">
        <f t="shared" si="2"/>
        <v>-2980</v>
      </c>
      <c r="E119" s="7">
        <f t="shared" si="3"/>
        <v>-0.1695108077360637</v>
      </c>
      <c r="H119" s="8"/>
      <c r="S119" s="8"/>
    </row>
    <row r="120" spans="1:19">
      <c r="A120" s="6">
        <v>121</v>
      </c>
      <c r="B120" s="6">
        <v>17598</v>
      </c>
      <c r="C120" s="6">
        <v>20970</v>
      </c>
      <c r="D120" s="6">
        <f t="shared" si="2"/>
        <v>-3372</v>
      </c>
      <c r="E120" s="7">
        <f t="shared" si="3"/>
        <v>-0.19161268325946129</v>
      </c>
      <c r="H120" s="8"/>
      <c r="S120" s="8"/>
    </row>
    <row r="121" spans="1:19">
      <c r="A121" s="6">
        <v>122</v>
      </c>
      <c r="B121" s="6">
        <v>17607</v>
      </c>
      <c r="C121" s="6">
        <v>20949</v>
      </c>
      <c r="D121" s="6">
        <f t="shared" si="2"/>
        <v>-3342</v>
      </c>
      <c r="E121" s="7">
        <f t="shared" si="3"/>
        <v>-0.18981087067643551</v>
      </c>
      <c r="H121" s="8"/>
      <c r="S121" s="8"/>
    </row>
    <row r="122" spans="1:19">
      <c r="A122" s="6">
        <v>123</v>
      </c>
      <c r="B122" s="6">
        <v>17580</v>
      </c>
      <c r="C122" s="6">
        <v>20924</v>
      </c>
      <c r="D122" s="6">
        <f t="shared" si="2"/>
        <v>-3344</v>
      </c>
      <c r="E122" s="7">
        <f t="shared" si="3"/>
        <v>-0.19021615472127418</v>
      </c>
      <c r="H122" s="8"/>
      <c r="S122" s="8"/>
    </row>
    <row r="123" spans="1:19">
      <c r="A123" s="6">
        <v>124</v>
      </c>
      <c r="B123" s="6">
        <v>17604</v>
      </c>
      <c r="C123" s="6">
        <v>20929</v>
      </c>
      <c r="D123" s="6">
        <f t="shared" si="2"/>
        <v>-3325</v>
      </c>
      <c r="E123" s="7">
        <f t="shared" si="3"/>
        <v>-0.18887752783458306</v>
      </c>
      <c r="H123" s="8"/>
      <c r="S123" s="8"/>
    </row>
    <row r="124" spans="1:19">
      <c r="A124" s="6">
        <v>125</v>
      </c>
      <c r="B124" s="6">
        <v>17593</v>
      </c>
      <c r="C124" s="6">
        <v>21004</v>
      </c>
      <c r="D124" s="6">
        <f t="shared" si="2"/>
        <v>-3411</v>
      </c>
      <c r="E124" s="7">
        <f t="shared" si="3"/>
        <v>-0.19388393110896379</v>
      </c>
      <c r="H124" s="8"/>
      <c r="S124" s="8"/>
    </row>
    <row r="125" spans="1:19">
      <c r="A125" s="6">
        <v>126</v>
      </c>
      <c r="B125" s="6">
        <v>17585</v>
      </c>
      <c r="C125" s="6">
        <v>20963</v>
      </c>
      <c r="D125" s="6">
        <f t="shared" si="2"/>
        <v>-3378</v>
      </c>
      <c r="E125" s="7">
        <f t="shared" si="3"/>
        <v>-0.19209553596815468</v>
      </c>
      <c r="H125" s="8"/>
      <c r="S125" s="8"/>
    </row>
    <row r="126" spans="1:19">
      <c r="A126" s="6">
        <v>127</v>
      </c>
      <c r="B126" s="6">
        <v>17584</v>
      </c>
      <c r="C126" s="6">
        <v>20970</v>
      </c>
      <c r="D126" s="6">
        <f t="shared" si="2"/>
        <v>-3386</v>
      </c>
      <c r="E126" s="7">
        <f t="shared" si="3"/>
        <v>-0.1925614194722475</v>
      </c>
      <c r="H126" s="8"/>
      <c r="S126" s="8"/>
    </row>
    <row r="127" spans="1:19">
      <c r="A127" s="6">
        <v>128</v>
      </c>
      <c r="B127" s="6">
        <v>17168</v>
      </c>
      <c r="C127" s="6">
        <v>17205</v>
      </c>
      <c r="D127" s="6">
        <f t="shared" si="2"/>
        <v>-37</v>
      </c>
      <c r="E127" s="7">
        <f t="shared" si="3"/>
        <v>-2.1551724137931034E-3</v>
      </c>
      <c r="H127" s="8"/>
      <c r="S127" s="8"/>
    </row>
    <row r="128" spans="1:19">
      <c r="A128" s="6">
        <v>129</v>
      </c>
      <c r="B128" s="6">
        <v>20089</v>
      </c>
      <c r="C128" s="6">
        <v>19319</v>
      </c>
      <c r="D128" s="6">
        <f t="shared" si="2"/>
        <v>770</v>
      </c>
      <c r="E128" s="7">
        <f t="shared" si="3"/>
        <v>3.8329434018617152E-2</v>
      </c>
      <c r="H128" s="8"/>
      <c r="S128" s="8"/>
    </row>
    <row r="129" spans="1:19">
      <c r="A129" s="6">
        <v>130</v>
      </c>
      <c r="B129" s="6">
        <v>20131</v>
      </c>
      <c r="C129" s="6">
        <v>19351</v>
      </c>
      <c r="D129" s="6">
        <f t="shared" si="2"/>
        <v>780</v>
      </c>
      <c r="E129" s="7">
        <f t="shared" si="3"/>
        <v>3.8746212309373605E-2</v>
      </c>
      <c r="H129" s="8"/>
      <c r="S129" s="8"/>
    </row>
    <row r="130" spans="1:19">
      <c r="A130" s="6">
        <v>131</v>
      </c>
      <c r="B130" s="6">
        <v>20092</v>
      </c>
      <c r="C130" s="6">
        <v>19260</v>
      </c>
      <c r="D130" s="6">
        <f t="shared" si="2"/>
        <v>832</v>
      </c>
      <c r="E130" s="7">
        <f t="shared" si="3"/>
        <v>4.1409516225363326E-2</v>
      </c>
      <c r="H130" s="8"/>
      <c r="S130" s="8"/>
    </row>
    <row r="131" spans="1:19">
      <c r="A131" s="6">
        <v>132</v>
      </c>
      <c r="B131" s="6">
        <v>20114</v>
      </c>
      <c r="C131" s="6">
        <v>19249</v>
      </c>
      <c r="D131" s="6">
        <f t="shared" si="2"/>
        <v>865</v>
      </c>
      <c r="E131" s="7">
        <f t="shared" si="3"/>
        <v>4.3004872228298699E-2</v>
      </c>
      <c r="H131" s="8"/>
      <c r="S131" s="8"/>
    </row>
    <row r="132" spans="1:19">
      <c r="A132" s="6">
        <v>133</v>
      </c>
      <c r="B132" s="6">
        <v>20149</v>
      </c>
      <c r="C132" s="6">
        <v>19357</v>
      </c>
      <c r="D132" s="6">
        <f t="shared" ref="D132:D195" si="4">B132-C132</f>
        <v>792</v>
      </c>
      <c r="E132" s="7">
        <f t="shared" ref="E132:E195" si="5">D132/B132</f>
        <v>3.930716164573924E-2</v>
      </c>
      <c r="H132" s="8"/>
      <c r="S132" s="8"/>
    </row>
    <row r="133" spans="1:19">
      <c r="A133" s="6">
        <v>134</v>
      </c>
      <c r="B133" s="6">
        <v>20093</v>
      </c>
      <c r="C133" s="6">
        <v>19324</v>
      </c>
      <c r="D133" s="6">
        <f t="shared" si="4"/>
        <v>769</v>
      </c>
      <c r="E133" s="7">
        <f t="shared" si="5"/>
        <v>3.8272035037077587E-2</v>
      </c>
      <c r="H133" s="8"/>
      <c r="S133" s="8"/>
    </row>
    <row r="134" spans="1:19">
      <c r="A134" s="6">
        <v>135</v>
      </c>
      <c r="B134" s="6">
        <v>20085</v>
      </c>
      <c r="C134" s="6">
        <v>19275</v>
      </c>
      <c r="D134" s="6">
        <f t="shared" si="4"/>
        <v>810</v>
      </c>
      <c r="E134" s="7">
        <f t="shared" si="5"/>
        <v>4.0328603435399554E-2</v>
      </c>
      <c r="H134" s="8"/>
      <c r="S134" s="8"/>
    </row>
    <row r="135" spans="1:19">
      <c r="A135" s="6">
        <v>136</v>
      </c>
      <c r="B135" s="6">
        <v>20095</v>
      </c>
      <c r="C135" s="6">
        <v>19693</v>
      </c>
      <c r="D135" s="6">
        <f t="shared" si="4"/>
        <v>402</v>
      </c>
      <c r="E135" s="7">
        <f t="shared" si="5"/>
        <v>2.0004976362279173E-2</v>
      </c>
      <c r="H135" s="8"/>
      <c r="S135" s="8"/>
    </row>
    <row r="136" spans="1:19">
      <c r="A136" s="6">
        <v>137</v>
      </c>
      <c r="B136" s="6">
        <v>20085</v>
      </c>
      <c r="C136" s="6">
        <v>20089</v>
      </c>
      <c r="D136" s="6">
        <f t="shared" si="4"/>
        <v>-4</v>
      </c>
      <c r="E136" s="7">
        <f t="shared" si="5"/>
        <v>-1.9915359721184964E-4</v>
      </c>
      <c r="H136" s="8"/>
      <c r="S136" s="8"/>
    </row>
    <row r="137" spans="1:19">
      <c r="A137" s="6">
        <v>138</v>
      </c>
      <c r="B137" s="6">
        <v>20098</v>
      </c>
      <c r="C137" s="6">
        <v>20101</v>
      </c>
      <c r="D137" s="6">
        <f t="shared" si="4"/>
        <v>-3</v>
      </c>
      <c r="E137" s="7">
        <f t="shared" si="5"/>
        <v>-1.4926858393870038E-4</v>
      </c>
      <c r="H137" s="8"/>
      <c r="S137" s="8"/>
    </row>
    <row r="138" spans="1:19">
      <c r="A138" s="6">
        <v>139</v>
      </c>
      <c r="B138" s="6">
        <v>20306</v>
      </c>
      <c r="C138" s="6">
        <v>20089</v>
      </c>
      <c r="D138" s="6">
        <f t="shared" si="4"/>
        <v>217</v>
      </c>
      <c r="E138" s="7">
        <f t="shared" si="5"/>
        <v>1.0686496601989559E-2</v>
      </c>
      <c r="H138" s="8"/>
      <c r="S138" s="8"/>
    </row>
    <row r="139" spans="1:19">
      <c r="A139" s="6">
        <v>140</v>
      </c>
      <c r="B139" s="6">
        <v>20111</v>
      </c>
      <c r="C139" s="6">
        <v>20089</v>
      </c>
      <c r="D139" s="6">
        <f t="shared" si="4"/>
        <v>22</v>
      </c>
      <c r="E139" s="7">
        <f t="shared" si="5"/>
        <v>1.0939286957386506E-3</v>
      </c>
      <c r="H139" s="8"/>
      <c r="S139" s="8"/>
    </row>
    <row r="140" spans="1:19">
      <c r="A140" s="6">
        <v>141</v>
      </c>
      <c r="B140" s="6">
        <v>20982</v>
      </c>
      <c r="C140" s="6">
        <v>20174</v>
      </c>
      <c r="D140" s="6">
        <f t="shared" si="4"/>
        <v>808</v>
      </c>
      <c r="E140" s="7">
        <f t="shared" si="5"/>
        <v>3.8509198360499479E-2</v>
      </c>
      <c r="H140" s="8"/>
      <c r="S140" s="8"/>
    </row>
    <row r="141" spans="1:19">
      <c r="A141" s="6">
        <v>142</v>
      </c>
      <c r="B141" s="6">
        <v>20099</v>
      </c>
      <c r="C141" s="6">
        <v>20092</v>
      </c>
      <c r="D141" s="6">
        <f t="shared" si="4"/>
        <v>7</v>
      </c>
      <c r="E141" s="7">
        <f t="shared" si="5"/>
        <v>3.4827603363351412E-4</v>
      </c>
      <c r="H141" s="8"/>
      <c r="S141" s="8"/>
    </row>
    <row r="142" spans="1:19">
      <c r="A142" s="6">
        <v>143</v>
      </c>
      <c r="B142" s="6">
        <v>20102</v>
      </c>
      <c r="C142" s="6">
        <v>20077</v>
      </c>
      <c r="D142" s="6">
        <f t="shared" si="4"/>
        <v>25</v>
      </c>
      <c r="E142" s="7">
        <f t="shared" si="5"/>
        <v>1.2436573475276091E-3</v>
      </c>
      <c r="H142" s="8"/>
      <c r="S142" s="8"/>
    </row>
    <row r="143" spans="1:19">
      <c r="A143" s="6">
        <v>144</v>
      </c>
      <c r="B143" s="6">
        <v>20137</v>
      </c>
      <c r="C143" s="6">
        <v>20522</v>
      </c>
      <c r="D143" s="6">
        <f t="shared" si="4"/>
        <v>-385</v>
      </c>
      <c r="E143" s="7">
        <f t="shared" si="5"/>
        <v>-1.9119034612901625E-2</v>
      </c>
      <c r="H143" s="8"/>
      <c r="S143" s="8"/>
    </row>
    <row r="144" spans="1:19">
      <c r="A144" s="6">
        <v>145</v>
      </c>
      <c r="B144" s="6">
        <v>20133</v>
      </c>
      <c r="C144" s="6">
        <v>20984</v>
      </c>
      <c r="D144" s="6">
        <f t="shared" si="4"/>
        <v>-851</v>
      </c>
      <c r="E144" s="7">
        <f t="shared" si="5"/>
        <v>-4.2268911736949286E-2</v>
      </c>
      <c r="H144" s="8"/>
      <c r="S144" s="8"/>
    </row>
    <row r="145" spans="1:19">
      <c r="A145" s="6">
        <v>146</v>
      </c>
      <c r="B145" s="6">
        <v>20083</v>
      </c>
      <c r="C145" s="6">
        <v>20953</v>
      </c>
      <c r="D145" s="6">
        <f t="shared" si="4"/>
        <v>-870</v>
      </c>
      <c r="E145" s="7">
        <f t="shared" si="5"/>
        <v>-4.332022108250759E-2</v>
      </c>
      <c r="H145" s="8"/>
      <c r="S145" s="8"/>
    </row>
    <row r="146" spans="1:19">
      <c r="A146" s="6">
        <v>147</v>
      </c>
      <c r="B146" s="6">
        <v>20218</v>
      </c>
      <c r="C146" s="6">
        <v>20989</v>
      </c>
      <c r="D146" s="6">
        <f t="shared" si="4"/>
        <v>-771</v>
      </c>
      <c r="E146" s="7">
        <f t="shared" si="5"/>
        <v>-3.813433574042932E-2</v>
      </c>
      <c r="H146" s="8"/>
      <c r="S146" s="8"/>
    </row>
    <row r="147" spans="1:19">
      <c r="A147" s="6">
        <v>148</v>
      </c>
      <c r="B147" s="6">
        <v>20087</v>
      </c>
      <c r="C147" s="6">
        <v>20932</v>
      </c>
      <c r="D147" s="6">
        <f t="shared" si="4"/>
        <v>-845</v>
      </c>
      <c r="E147" s="7">
        <f t="shared" si="5"/>
        <v>-4.2067008512968587E-2</v>
      </c>
      <c r="H147" s="8"/>
      <c r="S147" s="8"/>
    </row>
    <row r="148" spans="1:19">
      <c r="A148" s="6">
        <v>149</v>
      </c>
      <c r="B148" s="6">
        <v>20093</v>
      </c>
      <c r="C148" s="6">
        <v>20980</v>
      </c>
      <c r="D148" s="6">
        <f t="shared" si="4"/>
        <v>-887</v>
      </c>
      <c r="E148" s="7">
        <f t="shared" si="5"/>
        <v>-4.4144727019359974E-2</v>
      </c>
      <c r="H148" s="8"/>
      <c r="S148" s="8"/>
    </row>
    <row r="149" spans="1:19">
      <c r="A149" s="6">
        <v>150</v>
      </c>
      <c r="B149" s="6">
        <v>20092</v>
      </c>
      <c r="C149" s="6">
        <v>20965</v>
      </c>
      <c r="D149" s="6">
        <f t="shared" si="4"/>
        <v>-873</v>
      </c>
      <c r="E149" s="7">
        <f t="shared" si="5"/>
        <v>-4.3450129404738205E-2</v>
      </c>
      <c r="H149" s="8"/>
      <c r="S149" s="8"/>
    </row>
    <row r="150" spans="1:19">
      <c r="A150" s="6">
        <v>151</v>
      </c>
      <c r="B150" s="6">
        <v>20148</v>
      </c>
      <c r="C150" s="6">
        <v>20912</v>
      </c>
      <c r="D150" s="6">
        <f t="shared" si="4"/>
        <v>-764</v>
      </c>
      <c r="E150" s="7">
        <f t="shared" si="5"/>
        <v>-3.7919396466150487E-2</v>
      </c>
      <c r="H150" s="8"/>
      <c r="S150" s="8"/>
    </row>
    <row r="151" spans="1:19">
      <c r="A151" s="6">
        <v>152</v>
      </c>
      <c r="B151" s="6">
        <v>20089</v>
      </c>
      <c r="C151" s="6">
        <v>21394</v>
      </c>
      <c r="D151" s="6">
        <f t="shared" si="4"/>
        <v>-1305</v>
      </c>
      <c r="E151" s="7">
        <f t="shared" si="5"/>
        <v>-6.4960923888695302E-2</v>
      </c>
      <c r="H151" s="8"/>
      <c r="S151" s="8"/>
    </row>
    <row r="152" spans="1:19">
      <c r="A152" s="6">
        <v>153</v>
      </c>
      <c r="B152" s="6">
        <v>20125</v>
      </c>
      <c r="C152" s="6">
        <v>21781</v>
      </c>
      <c r="D152" s="6">
        <f t="shared" si="4"/>
        <v>-1656</v>
      </c>
      <c r="E152" s="7">
        <f t="shared" si="5"/>
        <v>-8.2285714285714281E-2</v>
      </c>
      <c r="H152" s="8"/>
      <c r="S152" s="8"/>
    </row>
    <row r="153" spans="1:19">
      <c r="A153" s="6">
        <v>154</v>
      </c>
      <c r="B153" s="6">
        <v>20079</v>
      </c>
      <c r="C153" s="6">
        <v>22512</v>
      </c>
      <c r="D153" s="6">
        <f t="shared" si="4"/>
        <v>-2433</v>
      </c>
      <c r="E153" s="7">
        <f t="shared" si="5"/>
        <v>-0.12117137307634843</v>
      </c>
      <c r="H153" s="8"/>
      <c r="S153" s="8"/>
    </row>
    <row r="154" spans="1:19">
      <c r="A154" s="6">
        <v>155</v>
      </c>
      <c r="B154" s="6">
        <v>20086</v>
      </c>
      <c r="C154" s="6">
        <v>21779</v>
      </c>
      <c r="D154" s="6">
        <f t="shared" si="4"/>
        <v>-1693</v>
      </c>
      <c r="E154" s="7">
        <f t="shared" si="5"/>
        <v>-8.4287563477048688E-2</v>
      </c>
      <c r="H154" s="8"/>
      <c r="S154" s="8"/>
    </row>
    <row r="155" spans="1:19">
      <c r="A155" s="6">
        <v>156</v>
      </c>
      <c r="B155" s="6">
        <v>20087</v>
      </c>
      <c r="C155" s="6">
        <v>21773</v>
      </c>
      <c r="D155" s="6">
        <f t="shared" si="4"/>
        <v>-1686</v>
      </c>
      <c r="E155" s="7">
        <f t="shared" si="5"/>
        <v>-8.3934883257828441E-2</v>
      </c>
      <c r="H155" s="8"/>
      <c r="S155" s="8"/>
    </row>
    <row r="156" spans="1:19">
      <c r="A156" s="6">
        <v>157</v>
      </c>
      <c r="B156" s="6">
        <v>20102</v>
      </c>
      <c r="C156" s="6">
        <v>21804</v>
      </c>
      <c r="D156" s="6">
        <f t="shared" si="4"/>
        <v>-1702</v>
      </c>
      <c r="E156" s="7">
        <f t="shared" si="5"/>
        <v>-8.4668192219679639E-2</v>
      </c>
      <c r="H156" s="8"/>
      <c r="S156" s="8"/>
    </row>
    <row r="157" spans="1:19">
      <c r="A157" s="6">
        <v>158</v>
      </c>
      <c r="B157" s="6">
        <v>20089</v>
      </c>
      <c r="C157" s="6">
        <v>21812</v>
      </c>
      <c r="D157" s="6">
        <f t="shared" si="4"/>
        <v>-1723</v>
      </c>
      <c r="E157" s="7">
        <f t="shared" si="5"/>
        <v>-8.5768330927373196E-2</v>
      </c>
      <c r="H157" s="8"/>
      <c r="S157" s="8"/>
    </row>
    <row r="158" spans="1:19">
      <c r="A158" s="6">
        <v>159</v>
      </c>
      <c r="B158" s="6">
        <v>20546</v>
      </c>
      <c r="C158" s="6">
        <v>21839</v>
      </c>
      <c r="D158" s="6">
        <f t="shared" si="4"/>
        <v>-1293</v>
      </c>
      <c r="E158" s="7">
        <f t="shared" si="5"/>
        <v>-6.2931957558648888E-2</v>
      </c>
      <c r="H158" s="8"/>
      <c r="S158" s="8"/>
    </row>
    <row r="159" spans="1:19">
      <c r="A159" s="6">
        <v>160</v>
      </c>
      <c r="B159" s="6">
        <v>20502</v>
      </c>
      <c r="C159" s="6">
        <v>22204</v>
      </c>
      <c r="D159" s="6">
        <f t="shared" si="4"/>
        <v>-1702</v>
      </c>
      <c r="E159" s="7">
        <f t="shared" si="5"/>
        <v>-8.3016291093551853E-2</v>
      </c>
      <c r="H159" s="8"/>
      <c r="S159" s="8"/>
    </row>
    <row r="160" spans="1:19">
      <c r="A160" s="6">
        <v>161</v>
      </c>
      <c r="B160" s="6">
        <v>20919</v>
      </c>
      <c r="C160" s="6">
        <v>22627</v>
      </c>
      <c r="D160" s="6">
        <f t="shared" si="4"/>
        <v>-1708</v>
      </c>
      <c r="E160" s="7">
        <f t="shared" si="5"/>
        <v>-8.1648262345236394E-2</v>
      </c>
      <c r="H160" s="8"/>
      <c r="S160" s="8"/>
    </row>
    <row r="161" spans="1:19">
      <c r="A161" s="6">
        <v>162</v>
      </c>
      <c r="B161" s="6">
        <v>20929</v>
      </c>
      <c r="C161" s="6">
        <v>22600</v>
      </c>
      <c r="D161" s="6">
        <f t="shared" si="4"/>
        <v>-1671</v>
      </c>
      <c r="E161" s="7">
        <f t="shared" si="5"/>
        <v>-7.9841368436141244E-2</v>
      </c>
      <c r="H161" s="8"/>
      <c r="S161" s="8"/>
    </row>
    <row r="162" spans="1:19">
      <c r="A162" s="6">
        <v>163</v>
      </c>
      <c r="B162" s="6">
        <v>20920</v>
      </c>
      <c r="C162" s="6">
        <v>22599</v>
      </c>
      <c r="D162" s="6">
        <f t="shared" si="4"/>
        <v>-1679</v>
      </c>
      <c r="E162" s="7">
        <f t="shared" si="5"/>
        <v>-8.0258126195028687E-2</v>
      </c>
      <c r="H162" s="8"/>
      <c r="S162" s="8"/>
    </row>
    <row r="163" spans="1:19">
      <c r="A163" s="6">
        <v>164</v>
      </c>
      <c r="B163" s="6">
        <v>20944</v>
      </c>
      <c r="C163" s="6">
        <v>22583</v>
      </c>
      <c r="D163" s="6">
        <f t="shared" si="4"/>
        <v>-1639</v>
      </c>
      <c r="E163" s="7">
        <f t="shared" si="5"/>
        <v>-7.8256302521008403E-2</v>
      </c>
      <c r="H163" s="8"/>
      <c r="S163" s="8"/>
    </row>
    <row r="164" spans="1:19">
      <c r="A164" s="6">
        <v>165</v>
      </c>
      <c r="B164" s="6">
        <v>20932</v>
      </c>
      <c r="C164" s="6">
        <v>22660</v>
      </c>
      <c r="D164" s="6">
        <f t="shared" si="4"/>
        <v>-1728</v>
      </c>
      <c r="E164" s="7">
        <f t="shared" si="5"/>
        <v>-8.2553028855341104E-2</v>
      </c>
      <c r="H164" s="8"/>
      <c r="S164" s="8"/>
    </row>
    <row r="165" spans="1:19">
      <c r="A165" s="6">
        <v>166</v>
      </c>
      <c r="B165" s="6">
        <v>20952</v>
      </c>
      <c r="C165" s="6">
        <v>22622</v>
      </c>
      <c r="D165" s="6">
        <f t="shared" si="4"/>
        <v>-1670</v>
      </c>
      <c r="E165" s="7">
        <f t="shared" si="5"/>
        <v>-7.9705994654448262E-2</v>
      </c>
      <c r="H165" s="8"/>
      <c r="S165" s="8"/>
    </row>
    <row r="166" spans="1:19">
      <c r="A166" s="6">
        <v>167</v>
      </c>
      <c r="B166" s="6">
        <v>20938</v>
      </c>
      <c r="C166" s="6">
        <v>22702</v>
      </c>
      <c r="D166" s="6">
        <f t="shared" si="4"/>
        <v>-1764</v>
      </c>
      <c r="E166" s="7">
        <f t="shared" si="5"/>
        <v>-8.4248734358582475E-2</v>
      </c>
      <c r="H166" s="8"/>
      <c r="S166" s="8"/>
    </row>
    <row r="167" spans="1:19">
      <c r="A167" s="6">
        <v>168</v>
      </c>
      <c r="B167" s="6">
        <v>20933</v>
      </c>
      <c r="C167" s="6">
        <v>23070</v>
      </c>
      <c r="D167" s="6">
        <f t="shared" si="4"/>
        <v>-2137</v>
      </c>
      <c r="E167" s="7">
        <f t="shared" si="5"/>
        <v>-0.10208761286007739</v>
      </c>
      <c r="H167" s="8"/>
      <c r="S167" s="8"/>
    </row>
    <row r="168" spans="1:19">
      <c r="A168" s="6">
        <v>169</v>
      </c>
      <c r="B168" s="6">
        <v>20989</v>
      </c>
      <c r="C168" s="6">
        <v>23466</v>
      </c>
      <c r="D168" s="6">
        <f t="shared" si="4"/>
        <v>-2477</v>
      </c>
      <c r="E168" s="7">
        <f t="shared" si="5"/>
        <v>-0.11801419791319262</v>
      </c>
      <c r="H168" s="8"/>
      <c r="S168" s="8"/>
    </row>
    <row r="169" spans="1:19">
      <c r="A169" s="6">
        <v>170</v>
      </c>
      <c r="B169" s="6">
        <v>21002</v>
      </c>
      <c r="C169" s="6">
        <v>23443</v>
      </c>
      <c r="D169" s="6">
        <f t="shared" si="4"/>
        <v>-2441</v>
      </c>
      <c r="E169" s="7">
        <f t="shared" si="5"/>
        <v>-0.11622702599752405</v>
      </c>
      <c r="H169" s="8"/>
      <c r="S169" s="8"/>
    </row>
    <row r="170" spans="1:19">
      <c r="A170" s="6">
        <v>171</v>
      </c>
      <c r="B170" s="6">
        <v>20975</v>
      </c>
      <c r="C170" s="6">
        <v>23498</v>
      </c>
      <c r="D170" s="6">
        <f t="shared" si="4"/>
        <v>-2523</v>
      </c>
      <c r="E170" s="7">
        <f t="shared" si="5"/>
        <v>-0.12028605482717521</v>
      </c>
      <c r="H170" s="8"/>
      <c r="S170" s="8"/>
    </row>
    <row r="171" spans="1:19">
      <c r="A171" s="6">
        <v>172</v>
      </c>
      <c r="B171" s="6">
        <v>20958</v>
      </c>
      <c r="C171" s="6">
        <v>23466</v>
      </c>
      <c r="D171" s="6">
        <f t="shared" si="4"/>
        <v>-2508</v>
      </c>
      <c r="E171" s="7">
        <f t="shared" si="5"/>
        <v>-0.11966790724305755</v>
      </c>
      <c r="H171" s="8"/>
      <c r="S171" s="8"/>
    </row>
    <row r="172" spans="1:19">
      <c r="A172" s="6">
        <v>173</v>
      </c>
      <c r="B172" s="6">
        <v>20963</v>
      </c>
      <c r="C172" s="6">
        <v>23443</v>
      </c>
      <c r="D172" s="6">
        <f t="shared" si="4"/>
        <v>-2480</v>
      </c>
      <c r="E172" s="7">
        <f t="shared" si="5"/>
        <v>-0.11830367790869628</v>
      </c>
      <c r="H172" s="8"/>
      <c r="S172" s="8"/>
    </row>
    <row r="173" spans="1:19">
      <c r="A173" s="6">
        <v>174</v>
      </c>
      <c r="B173" s="6">
        <v>20985</v>
      </c>
      <c r="C173" s="6">
        <v>23492</v>
      </c>
      <c r="D173" s="6">
        <f t="shared" si="4"/>
        <v>-2507</v>
      </c>
      <c r="E173" s="7">
        <f t="shared" si="5"/>
        <v>-0.11946628544198237</v>
      </c>
      <c r="H173" s="8"/>
      <c r="S173" s="8"/>
    </row>
    <row r="174" spans="1:19">
      <c r="A174" s="6">
        <v>175</v>
      </c>
      <c r="B174" s="6">
        <v>20948</v>
      </c>
      <c r="C174" s="6">
        <v>23482</v>
      </c>
      <c r="D174" s="6">
        <f t="shared" si="4"/>
        <v>-2534</v>
      </c>
      <c r="E174" s="7">
        <f t="shared" si="5"/>
        <v>-0.12096620202405958</v>
      </c>
      <c r="H174" s="8"/>
      <c r="S174" s="8"/>
    </row>
    <row r="175" spans="1:19">
      <c r="A175" s="6">
        <v>176</v>
      </c>
      <c r="B175" s="6">
        <v>21391</v>
      </c>
      <c r="C175" s="6">
        <v>23870</v>
      </c>
      <c r="D175" s="6">
        <f t="shared" si="4"/>
        <v>-2479</v>
      </c>
      <c r="E175" s="7">
        <f t="shared" si="5"/>
        <v>-0.11588986022158852</v>
      </c>
      <c r="H175" s="8"/>
      <c r="S175" s="8"/>
    </row>
    <row r="176" spans="1:19">
      <c r="A176" s="6">
        <v>177</v>
      </c>
      <c r="B176" s="6">
        <v>21396</v>
      </c>
      <c r="C176" s="6">
        <v>24292</v>
      </c>
      <c r="D176" s="6">
        <f t="shared" si="4"/>
        <v>-2896</v>
      </c>
      <c r="E176" s="7">
        <f t="shared" si="5"/>
        <v>-0.13535240231819032</v>
      </c>
      <c r="H176" s="8"/>
      <c r="S176" s="8"/>
    </row>
    <row r="177" spans="1:19">
      <c r="A177" s="6">
        <v>178</v>
      </c>
      <c r="B177" s="6">
        <v>21352</v>
      </c>
      <c r="C177" s="6">
        <v>24267</v>
      </c>
      <c r="D177" s="6">
        <f t="shared" si="4"/>
        <v>-2915</v>
      </c>
      <c r="E177" s="7">
        <f t="shared" si="5"/>
        <v>-0.136521168977145</v>
      </c>
      <c r="H177" s="8"/>
      <c r="S177" s="8"/>
    </row>
    <row r="178" spans="1:19">
      <c r="A178" s="6">
        <v>179</v>
      </c>
      <c r="B178" s="6">
        <v>21366</v>
      </c>
      <c r="C178" s="6">
        <v>24473</v>
      </c>
      <c r="D178" s="6">
        <f t="shared" si="4"/>
        <v>-3107</v>
      </c>
      <c r="E178" s="7">
        <f t="shared" si="5"/>
        <v>-0.1454179537583076</v>
      </c>
      <c r="H178" s="8"/>
      <c r="S178" s="8"/>
    </row>
    <row r="179" spans="1:19">
      <c r="A179" s="6">
        <v>180</v>
      </c>
      <c r="B179" s="6">
        <v>21522</v>
      </c>
      <c r="C179" s="6">
        <v>24266</v>
      </c>
      <c r="D179" s="6">
        <f t="shared" si="4"/>
        <v>-2744</v>
      </c>
      <c r="E179" s="7">
        <f t="shared" si="5"/>
        <v>-0.1274974444754205</v>
      </c>
      <c r="H179" s="8"/>
      <c r="S179" s="8"/>
    </row>
    <row r="180" spans="1:19">
      <c r="A180" s="6">
        <v>181</v>
      </c>
      <c r="B180" s="6">
        <v>21352</v>
      </c>
      <c r="C180" s="6">
        <v>24302</v>
      </c>
      <c r="D180" s="6">
        <f t="shared" si="4"/>
        <v>-2950</v>
      </c>
      <c r="E180" s="7">
        <f t="shared" si="5"/>
        <v>-0.13816035968527537</v>
      </c>
      <c r="H180" s="8"/>
      <c r="S180" s="8"/>
    </row>
    <row r="181" spans="1:19">
      <c r="A181" s="6">
        <v>182</v>
      </c>
      <c r="B181" s="6">
        <v>21369</v>
      </c>
      <c r="C181" s="6">
        <v>24324</v>
      </c>
      <c r="D181" s="6">
        <f t="shared" si="4"/>
        <v>-2955</v>
      </c>
      <c r="E181" s="7">
        <f t="shared" si="5"/>
        <v>-0.13828443071739435</v>
      </c>
      <c r="H181" s="8"/>
      <c r="S181" s="8"/>
    </row>
    <row r="182" spans="1:19">
      <c r="A182" s="6">
        <v>183</v>
      </c>
      <c r="B182" s="6">
        <v>21388</v>
      </c>
      <c r="C182" s="6">
        <v>24294</v>
      </c>
      <c r="D182" s="6">
        <f t="shared" si="4"/>
        <v>-2906</v>
      </c>
      <c r="E182" s="7">
        <f t="shared" si="5"/>
        <v>-0.13587058163456145</v>
      </c>
      <c r="H182" s="8"/>
      <c r="S182" s="8"/>
    </row>
    <row r="183" spans="1:19">
      <c r="A183" s="6">
        <v>184</v>
      </c>
      <c r="B183" s="6">
        <v>21342</v>
      </c>
      <c r="C183" s="6">
        <v>24746</v>
      </c>
      <c r="D183" s="6">
        <f t="shared" si="4"/>
        <v>-3404</v>
      </c>
      <c r="E183" s="7">
        <f t="shared" si="5"/>
        <v>-0.15949770405772654</v>
      </c>
      <c r="H183" s="8"/>
      <c r="S183" s="8"/>
    </row>
    <row r="184" spans="1:19">
      <c r="A184" s="6">
        <v>185</v>
      </c>
      <c r="B184" s="6">
        <v>21388</v>
      </c>
      <c r="C184" s="6">
        <v>25139</v>
      </c>
      <c r="D184" s="6">
        <f t="shared" si="4"/>
        <v>-3751</v>
      </c>
      <c r="E184" s="7">
        <f t="shared" si="5"/>
        <v>-0.17537871703759117</v>
      </c>
      <c r="H184" s="8"/>
      <c r="S184" s="8"/>
    </row>
    <row r="185" spans="1:19">
      <c r="A185" s="6">
        <v>186</v>
      </c>
      <c r="B185" s="6">
        <v>21391</v>
      </c>
      <c r="C185" s="6">
        <v>25108</v>
      </c>
      <c r="D185" s="6">
        <f t="shared" si="4"/>
        <v>-3717</v>
      </c>
      <c r="E185" s="7">
        <f t="shared" si="5"/>
        <v>-0.17376466738347904</v>
      </c>
      <c r="H185" s="8"/>
      <c r="S185" s="8"/>
    </row>
    <row r="186" spans="1:19">
      <c r="A186" s="6">
        <v>187</v>
      </c>
      <c r="B186" s="6">
        <v>21342</v>
      </c>
      <c r="C186" s="6">
        <v>25105</v>
      </c>
      <c r="D186" s="6">
        <f t="shared" si="4"/>
        <v>-3763</v>
      </c>
      <c r="E186" s="7">
        <f t="shared" si="5"/>
        <v>-0.17631899540811546</v>
      </c>
      <c r="H186" s="8"/>
      <c r="S186" s="8"/>
    </row>
    <row r="187" spans="1:19">
      <c r="A187" s="6">
        <v>188</v>
      </c>
      <c r="B187" s="6">
        <v>21375</v>
      </c>
      <c r="C187" s="6">
        <v>25102</v>
      </c>
      <c r="D187" s="6">
        <f t="shared" si="4"/>
        <v>-3727</v>
      </c>
      <c r="E187" s="7">
        <f t="shared" si="5"/>
        <v>-0.17436257309941519</v>
      </c>
      <c r="H187" s="8"/>
      <c r="S187" s="8"/>
    </row>
    <row r="188" spans="1:19">
      <c r="A188" s="6">
        <v>189</v>
      </c>
      <c r="B188" s="6">
        <v>21342</v>
      </c>
      <c r="C188" s="6">
        <v>25124</v>
      </c>
      <c r="D188" s="6">
        <f t="shared" si="4"/>
        <v>-3782</v>
      </c>
      <c r="E188" s="7">
        <f t="shared" si="5"/>
        <v>-0.17720925873863744</v>
      </c>
      <c r="H188" s="8"/>
      <c r="S188" s="8"/>
    </row>
    <row r="189" spans="1:19">
      <c r="A189" s="6">
        <v>190</v>
      </c>
      <c r="B189" s="6">
        <v>21379</v>
      </c>
      <c r="C189" s="6">
        <v>25135</v>
      </c>
      <c r="D189" s="6">
        <f t="shared" si="4"/>
        <v>-3756</v>
      </c>
      <c r="E189" s="7">
        <f t="shared" si="5"/>
        <v>-0.1756864212545021</v>
      </c>
      <c r="H189" s="8"/>
      <c r="S189" s="8"/>
    </row>
    <row r="190" spans="1:19">
      <c r="A190" s="6">
        <v>191</v>
      </c>
      <c r="B190" s="6">
        <v>21360</v>
      </c>
      <c r="C190" s="6">
        <v>25151</v>
      </c>
      <c r="D190" s="6">
        <f t="shared" si="4"/>
        <v>-3791</v>
      </c>
      <c r="E190" s="7">
        <f t="shared" si="5"/>
        <v>-0.17748127340823969</v>
      </c>
      <c r="H190" s="8"/>
      <c r="S190" s="8"/>
    </row>
    <row r="191" spans="1:19">
      <c r="A191" s="6">
        <v>192</v>
      </c>
      <c r="B191" s="6">
        <v>20535</v>
      </c>
      <c r="C191" s="6">
        <v>20524</v>
      </c>
      <c r="D191" s="6">
        <f t="shared" si="4"/>
        <v>11</v>
      </c>
      <c r="E191" s="7">
        <f t="shared" si="5"/>
        <v>5.3567080594107616E-4</v>
      </c>
      <c r="H191" s="8"/>
      <c r="S191" s="8"/>
    </row>
    <row r="192" spans="1:19">
      <c r="A192" s="6">
        <v>193</v>
      </c>
      <c r="B192" s="6">
        <v>23445</v>
      </c>
      <c r="C192" s="6">
        <v>22608</v>
      </c>
      <c r="D192" s="6">
        <f t="shared" si="4"/>
        <v>837</v>
      </c>
      <c r="E192" s="7">
        <f t="shared" si="5"/>
        <v>3.5700575815738961E-2</v>
      </c>
      <c r="H192" s="8"/>
      <c r="S192" s="8"/>
    </row>
    <row r="193" spans="1:19">
      <c r="A193" s="6">
        <v>194</v>
      </c>
      <c r="B193" s="6">
        <v>23442</v>
      </c>
      <c r="C193" s="6">
        <v>22611</v>
      </c>
      <c r="D193" s="6">
        <f t="shared" si="4"/>
        <v>831</v>
      </c>
      <c r="E193" s="7">
        <f t="shared" si="5"/>
        <v>3.5449193754799081E-2</v>
      </c>
      <c r="H193" s="8"/>
      <c r="S193" s="8"/>
    </row>
    <row r="194" spans="1:19">
      <c r="A194" s="6">
        <v>195</v>
      </c>
      <c r="B194" s="6">
        <v>23455</v>
      </c>
      <c r="C194" s="6">
        <v>22636</v>
      </c>
      <c r="D194" s="6">
        <f t="shared" si="4"/>
        <v>819</v>
      </c>
      <c r="E194" s="7">
        <f t="shared" si="5"/>
        <v>3.4917927947132804E-2</v>
      </c>
      <c r="H194" s="8"/>
      <c r="S194" s="8"/>
    </row>
    <row r="195" spans="1:19">
      <c r="A195" s="6">
        <v>196</v>
      </c>
      <c r="B195" s="6">
        <v>23445</v>
      </c>
      <c r="C195" s="6">
        <v>22617</v>
      </c>
      <c r="D195" s="6">
        <f t="shared" si="4"/>
        <v>828</v>
      </c>
      <c r="E195" s="7">
        <f t="shared" si="5"/>
        <v>3.5316698656429946E-2</v>
      </c>
      <c r="H195" s="8"/>
      <c r="S195" s="8"/>
    </row>
    <row r="196" spans="1:19">
      <c r="A196" s="6">
        <v>197</v>
      </c>
      <c r="B196" s="6">
        <v>23429</v>
      </c>
      <c r="C196" s="6">
        <v>22603</v>
      </c>
      <c r="D196" s="6">
        <f t="shared" ref="D196:D259" si="6">B196-C196</f>
        <v>826</v>
      </c>
      <c r="E196" s="7">
        <f t="shared" ref="E196:E259" si="7">D196/B196</f>
        <v>3.5255452644158948E-2</v>
      </c>
      <c r="H196" s="8"/>
      <c r="S196" s="8"/>
    </row>
    <row r="197" spans="1:19">
      <c r="A197" s="6">
        <v>198</v>
      </c>
      <c r="B197" s="6">
        <v>23698</v>
      </c>
      <c r="C197" s="6">
        <v>22597</v>
      </c>
      <c r="D197" s="6">
        <f t="shared" si="6"/>
        <v>1101</v>
      </c>
      <c r="E197" s="7">
        <f t="shared" si="7"/>
        <v>4.6459616845303399E-2</v>
      </c>
      <c r="H197" s="8"/>
      <c r="S197" s="8"/>
    </row>
    <row r="198" spans="1:19">
      <c r="A198" s="6">
        <v>199</v>
      </c>
      <c r="B198" s="6">
        <v>23475</v>
      </c>
      <c r="C198" s="6">
        <v>22602</v>
      </c>
      <c r="D198" s="6">
        <f t="shared" si="6"/>
        <v>873</v>
      </c>
      <c r="E198" s="7">
        <f t="shared" si="7"/>
        <v>3.7188498402555913E-2</v>
      </c>
      <c r="H198" s="8"/>
      <c r="S198" s="8"/>
    </row>
    <row r="199" spans="1:19">
      <c r="A199" s="6">
        <v>200</v>
      </c>
      <c r="B199" s="6">
        <v>23432</v>
      </c>
      <c r="C199" s="6">
        <v>23045</v>
      </c>
      <c r="D199" s="6">
        <f t="shared" si="6"/>
        <v>387</v>
      </c>
      <c r="E199" s="7">
        <f t="shared" si="7"/>
        <v>1.6515875725503584E-2</v>
      </c>
      <c r="H199" s="8"/>
      <c r="S199" s="8"/>
    </row>
    <row r="200" spans="1:19">
      <c r="A200" s="6">
        <v>201</v>
      </c>
      <c r="B200" s="6">
        <v>23481</v>
      </c>
      <c r="C200" s="6">
        <v>23439</v>
      </c>
      <c r="D200" s="6">
        <f t="shared" si="6"/>
        <v>42</v>
      </c>
      <c r="E200" s="7">
        <f t="shared" si="7"/>
        <v>1.7886802095311103E-3</v>
      </c>
      <c r="H200" s="8"/>
      <c r="S200" s="8"/>
    </row>
    <row r="201" spans="1:19">
      <c r="A201" s="6">
        <v>202</v>
      </c>
      <c r="B201" s="6">
        <v>23475</v>
      </c>
      <c r="C201" s="6">
        <v>23441</v>
      </c>
      <c r="D201" s="6">
        <f t="shared" si="6"/>
        <v>34</v>
      </c>
      <c r="E201" s="7">
        <f t="shared" si="7"/>
        <v>1.4483493077742278E-3</v>
      </c>
      <c r="H201" s="8"/>
      <c r="S201" s="8"/>
    </row>
    <row r="202" spans="1:19">
      <c r="A202" s="6">
        <v>203</v>
      </c>
      <c r="B202" s="6">
        <v>23430</v>
      </c>
      <c r="C202" s="6">
        <v>23522</v>
      </c>
      <c r="D202" s="6">
        <f t="shared" si="6"/>
        <v>-92</v>
      </c>
      <c r="E202" s="7">
        <f t="shared" si="7"/>
        <v>-3.9265898420827996E-3</v>
      </c>
      <c r="H202" s="8"/>
      <c r="S202" s="8"/>
    </row>
    <row r="203" spans="1:19">
      <c r="A203" s="6">
        <v>204</v>
      </c>
      <c r="B203" s="6">
        <v>23437</v>
      </c>
      <c r="C203" s="6">
        <v>23435</v>
      </c>
      <c r="D203" s="6">
        <f t="shared" si="6"/>
        <v>2</v>
      </c>
      <c r="E203" s="7">
        <f t="shared" si="7"/>
        <v>8.5335153816614755E-5</v>
      </c>
      <c r="H203" s="8"/>
      <c r="S203" s="8"/>
    </row>
    <row r="204" spans="1:19">
      <c r="A204" s="6">
        <v>205</v>
      </c>
      <c r="B204" s="6">
        <v>23503</v>
      </c>
      <c r="C204" s="6">
        <v>23498</v>
      </c>
      <c r="D204" s="6">
        <f t="shared" si="6"/>
        <v>5</v>
      </c>
      <c r="E204" s="7">
        <f t="shared" si="7"/>
        <v>2.1273879930221675E-4</v>
      </c>
      <c r="H204" s="8"/>
      <c r="S204" s="8"/>
    </row>
    <row r="205" spans="1:19">
      <c r="A205" s="6">
        <v>206</v>
      </c>
      <c r="B205" s="6">
        <v>23455</v>
      </c>
      <c r="C205" s="6">
        <v>23505</v>
      </c>
      <c r="D205" s="6">
        <f t="shared" si="6"/>
        <v>-50</v>
      </c>
      <c r="E205" s="7">
        <f t="shared" si="7"/>
        <v>-2.1317416329140909E-3</v>
      </c>
      <c r="H205" s="8"/>
      <c r="S205" s="8"/>
    </row>
    <row r="206" spans="1:19">
      <c r="A206" s="6">
        <v>207</v>
      </c>
      <c r="B206" s="6">
        <v>23430</v>
      </c>
      <c r="C206" s="6">
        <v>23441</v>
      </c>
      <c r="D206" s="6">
        <f t="shared" si="6"/>
        <v>-11</v>
      </c>
      <c r="E206" s="7">
        <f t="shared" si="7"/>
        <v>-4.6948356807511736E-4</v>
      </c>
      <c r="H206" s="8"/>
      <c r="S206" s="8"/>
    </row>
    <row r="207" spans="1:19">
      <c r="A207" s="6">
        <v>208</v>
      </c>
      <c r="B207" s="6">
        <v>23467</v>
      </c>
      <c r="C207" s="6">
        <v>23877</v>
      </c>
      <c r="D207" s="6">
        <f t="shared" si="6"/>
        <v>-410</v>
      </c>
      <c r="E207" s="7">
        <f t="shared" si="7"/>
        <v>-1.7471342736608855E-2</v>
      </c>
      <c r="H207" s="8"/>
      <c r="S207" s="8"/>
    </row>
    <row r="208" spans="1:19">
      <c r="A208" s="6">
        <v>209</v>
      </c>
      <c r="B208" s="6">
        <v>23487</v>
      </c>
      <c r="C208" s="6">
        <v>24281</v>
      </c>
      <c r="D208" s="6">
        <f t="shared" si="6"/>
        <v>-794</v>
      </c>
      <c r="E208" s="7">
        <f t="shared" si="7"/>
        <v>-3.3805935198194748E-2</v>
      </c>
      <c r="H208" s="8"/>
      <c r="S208" s="8"/>
    </row>
    <row r="209" spans="1:19">
      <c r="A209" s="6">
        <v>210</v>
      </c>
      <c r="B209" s="6">
        <v>23468</v>
      </c>
      <c r="C209" s="6">
        <v>24305</v>
      </c>
      <c r="D209" s="6">
        <f t="shared" si="6"/>
        <v>-837</v>
      </c>
      <c r="E209" s="7">
        <f t="shared" si="7"/>
        <v>-3.5665587182546449E-2</v>
      </c>
      <c r="H209" s="8"/>
      <c r="S209" s="8"/>
    </row>
    <row r="210" spans="1:19">
      <c r="A210" s="6">
        <v>211</v>
      </c>
      <c r="B210" s="6">
        <v>23472</v>
      </c>
      <c r="C210" s="6">
        <v>24307</v>
      </c>
      <c r="D210" s="6">
        <f t="shared" si="6"/>
        <v>-835</v>
      </c>
      <c r="E210" s="7">
        <f t="shared" si="7"/>
        <v>-3.5574301295160191E-2</v>
      </c>
      <c r="H210" s="8"/>
      <c r="S210" s="8"/>
    </row>
    <row r="211" spans="1:19">
      <c r="A211" s="6">
        <v>212</v>
      </c>
      <c r="B211" s="6">
        <v>23451</v>
      </c>
      <c r="C211" s="6">
        <v>24286</v>
      </c>
      <c r="D211" s="6">
        <f t="shared" si="6"/>
        <v>-835</v>
      </c>
      <c r="E211" s="7">
        <f t="shared" si="7"/>
        <v>-3.5606157519935185E-2</v>
      </c>
      <c r="H211" s="8"/>
      <c r="S211" s="8"/>
    </row>
    <row r="212" spans="1:19">
      <c r="A212" s="6">
        <v>213</v>
      </c>
      <c r="B212" s="6">
        <v>23442</v>
      </c>
      <c r="C212" s="6">
        <v>24286</v>
      </c>
      <c r="D212" s="6">
        <f t="shared" si="6"/>
        <v>-844</v>
      </c>
      <c r="E212" s="7">
        <f t="shared" si="7"/>
        <v>-3.6003753945909052E-2</v>
      </c>
      <c r="H212" s="8"/>
      <c r="S212" s="8"/>
    </row>
    <row r="213" spans="1:19">
      <c r="A213" s="6">
        <v>214</v>
      </c>
      <c r="B213" s="6">
        <v>23465</v>
      </c>
      <c r="C213" s="6">
        <v>24284</v>
      </c>
      <c r="D213" s="6">
        <f t="shared" si="6"/>
        <v>-819</v>
      </c>
      <c r="E213" s="7">
        <f t="shared" si="7"/>
        <v>-3.4903047091412745E-2</v>
      </c>
      <c r="H213" s="8"/>
      <c r="S213" s="8"/>
    </row>
    <row r="214" spans="1:19">
      <c r="A214" s="6">
        <v>215</v>
      </c>
      <c r="B214" s="6">
        <v>23452</v>
      </c>
      <c r="C214" s="6">
        <v>24308</v>
      </c>
      <c r="D214" s="6">
        <f t="shared" si="6"/>
        <v>-856</v>
      </c>
      <c r="E214" s="7">
        <f t="shared" si="7"/>
        <v>-3.6500085280573087E-2</v>
      </c>
      <c r="H214" s="8"/>
      <c r="S214" s="8"/>
    </row>
    <row r="215" spans="1:19">
      <c r="A215" s="6">
        <v>216</v>
      </c>
      <c r="B215" s="6">
        <v>23432</v>
      </c>
      <c r="C215" s="6">
        <v>24702</v>
      </c>
      <c r="D215" s="6">
        <f t="shared" si="6"/>
        <v>-1270</v>
      </c>
      <c r="E215" s="7">
        <f t="shared" si="7"/>
        <v>-5.4199385455786959E-2</v>
      </c>
      <c r="H215" s="8"/>
      <c r="S215" s="8"/>
    </row>
    <row r="216" spans="1:19">
      <c r="A216" s="6">
        <v>217</v>
      </c>
      <c r="B216" s="6">
        <v>23443</v>
      </c>
      <c r="C216" s="6">
        <v>25156</v>
      </c>
      <c r="D216" s="6">
        <f t="shared" si="6"/>
        <v>-1713</v>
      </c>
      <c r="E216" s="7">
        <f t="shared" si="7"/>
        <v>-7.3070852706564854E-2</v>
      </c>
      <c r="H216" s="8"/>
      <c r="S216" s="8"/>
    </row>
    <row r="217" spans="1:19">
      <c r="A217" s="6">
        <v>218</v>
      </c>
      <c r="B217" s="6">
        <v>23433</v>
      </c>
      <c r="C217" s="6">
        <v>25115</v>
      </c>
      <c r="D217" s="6">
        <f t="shared" si="6"/>
        <v>-1682</v>
      </c>
      <c r="E217" s="7">
        <f t="shared" si="7"/>
        <v>-7.1779114923398626E-2</v>
      </c>
      <c r="H217" s="8"/>
      <c r="S217" s="8"/>
    </row>
    <row r="218" spans="1:19">
      <c r="A218" s="6">
        <v>219</v>
      </c>
      <c r="B218" s="6">
        <v>23436</v>
      </c>
      <c r="C218" s="6">
        <v>25122</v>
      </c>
      <c r="D218" s="6">
        <f t="shared" si="6"/>
        <v>-1686</v>
      </c>
      <c r="E218" s="7">
        <f t="shared" si="7"/>
        <v>-7.1940604198668712E-2</v>
      </c>
      <c r="H218" s="8"/>
      <c r="S218" s="8"/>
    </row>
    <row r="219" spans="1:19">
      <c r="A219" s="6">
        <v>220</v>
      </c>
      <c r="B219" s="6">
        <v>23443</v>
      </c>
      <c r="C219" s="6">
        <v>25140</v>
      </c>
      <c r="D219" s="6">
        <f t="shared" si="6"/>
        <v>-1697</v>
      </c>
      <c r="E219" s="7">
        <f t="shared" si="7"/>
        <v>-7.238834620142473E-2</v>
      </c>
      <c r="H219" s="8"/>
      <c r="S219" s="8"/>
    </row>
    <row r="220" spans="1:19">
      <c r="A220" s="6">
        <v>221</v>
      </c>
      <c r="B220" s="6">
        <v>23438</v>
      </c>
      <c r="C220" s="6">
        <v>25149</v>
      </c>
      <c r="D220" s="6">
        <f t="shared" si="6"/>
        <v>-1711</v>
      </c>
      <c r="E220" s="7">
        <f t="shared" si="7"/>
        <v>-7.3001109309668064E-2</v>
      </c>
      <c r="H220" s="8"/>
      <c r="S220" s="8"/>
    </row>
    <row r="221" spans="1:19">
      <c r="A221" s="6">
        <v>222</v>
      </c>
      <c r="B221" s="6">
        <v>23437</v>
      </c>
      <c r="C221" s="6">
        <v>25113</v>
      </c>
      <c r="D221" s="6">
        <f t="shared" si="6"/>
        <v>-1676</v>
      </c>
      <c r="E221" s="7">
        <f t="shared" si="7"/>
        <v>-7.1510858898323162E-2</v>
      </c>
      <c r="H221" s="8"/>
      <c r="S221" s="8"/>
    </row>
    <row r="222" spans="1:19">
      <c r="A222" s="6">
        <v>223</v>
      </c>
      <c r="B222" s="6">
        <v>23909</v>
      </c>
      <c r="C222" s="6">
        <v>25130</v>
      </c>
      <c r="D222" s="6">
        <f t="shared" si="6"/>
        <v>-1221</v>
      </c>
      <c r="E222" s="7">
        <f t="shared" si="7"/>
        <v>-5.1068635241959093E-2</v>
      </c>
      <c r="H222" s="8"/>
      <c r="S222" s="8"/>
    </row>
    <row r="223" spans="1:19">
      <c r="A223" s="6">
        <v>224</v>
      </c>
      <c r="B223" s="6">
        <v>23857</v>
      </c>
      <c r="C223" s="6">
        <v>25562</v>
      </c>
      <c r="D223" s="6">
        <f t="shared" si="6"/>
        <v>-1705</v>
      </c>
      <c r="E223" s="7">
        <f t="shared" si="7"/>
        <v>-7.1467493817328254E-2</v>
      </c>
      <c r="H223" s="8"/>
      <c r="S223" s="8"/>
    </row>
    <row r="224" spans="1:19">
      <c r="A224" s="6">
        <v>225</v>
      </c>
      <c r="B224" s="6">
        <v>24327</v>
      </c>
      <c r="C224" s="6">
        <v>25941</v>
      </c>
      <c r="D224" s="6">
        <f t="shared" si="6"/>
        <v>-1614</v>
      </c>
      <c r="E224" s="7">
        <f t="shared" si="7"/>
        <v>-6.6346035269453693E-2</v>
      </c>
      <c r="H224" s="8"/>
      <c r="S224" s="8"/>
    </row>
    <row r="225" spans="1:19">
      <c r="A225" s="6">
        <v>226</v>
      </c>
      <c r="B225" s="6">
        <v>24288</v>
      </c>
      <c r="C225" s="6">
        <v>25940</v>
      </c>
      <c r="D225" s="6">
        <f t="shared" si="6"/>
        <v>-1652</v>
      </c>
      <c r="E225" s="7">
        <f t="shared" si="7"/>
        <v>-6.8017127799736496E-2</v>
      </c>
      <c r="H225" s="8"/>
      <c r="S225" s="8"/>
    </row>
    <row r="226" spans="1:19">
      <c r="A226" s="6">
        <v>227</v>
      </c>
      <c r="B226" s="6">
        <v>24293</v>
      </c>
      <c r="C226" s="6">
        <v>25947</v>
      </c>
      <c r="D226" s="6">
        <f t="shared" si="6"/>
        <v>-1654</v>
      </c>
      <c r="E226" s="7">
        <f t="shared" si="7"/>
        <v>-6.8085456715926404E-2</v>
      </c>
      <c r="H226" s="8"/>
      <c r="S226" s="8"/>
    </row>
    <row r="227" spans="1:19">
      <c r="A227" s="6">
        <v>228</v>
      </c>
      <c r="B227" s="6">
        <v>24302</v>
      </c>
      <c r="C227" s="6">
        <v>25932</v>
      </c>
      <c r="D227" s="6">
        <f t="shared" si="6"/>
        <v>-1630</v>
      </c>
      <c r="E227" s="7">
        <f t="shared" si="7"/>
        <v>-6.7072668916138584E-2</v>
      </c>
      <c r="H227" s="8"/>
      <c r="S227" s="8"/>
    </row>
    <row r="228" spans="1:19">
      <c r="A228" s="6">
        <v>229</v>
      </c>
      <c r="B228" s="6">
        <v>24306</v>
      </c>
      <c r="C228" s="6">
        <v>25957</v>
      </c>
      <c r="D228" s="6">
        <f t="shared" si="6"/>
        <v>-1651</v>
      </c>
      <c r="E228" s="7">
        <f t="shared" si="7"/>
        <v>-6.7925615074467205E-2</v>
      </c>
      <c r="H228" s="8"/>
      <c r="S228" s="8"/>
    </row>
    <row r="229" spans="1:19">
      <c r="A229" s="6">
        <v>230</v>
      </c>
      <c r="B229" s="6">
        <v>24347</v>
      </c>
      <c r="C229" s="6">
        <v>25944</v>
      </c>
      <c r="D229" s="6">
        <f t="shared" si="6"/>
        <v>-1597</v>
      </c>
      <c r="E229" s="7">
        <f t="shared" si="7"/>
        <v>-6.559329691543106E-2</v>
      </c>
      <c r="H229" s="8"/>
      <c r="S229" s="8"/>
    </row>
    <row r="230" spans="1:19">
      <c r="A230" s="6">
        <v>231</v>
      </c>
      <c r="B230" s="6">
        <v>24337</v>
      </c>
      <c r="C230" s="6">
        <v>25959</v>
      </c>
      <c r="D230" s="6">
        <f t="shared" si="6"/>
        <v>-1622</v>
      </c>
      <c r="E230" s="7">
        <f t="shared" si="7"/>
        <v>-6.6647491473887502E-2</v>
      </c>
      <c r="H230" s="8"/>
      <c r="S230" s="8"/>
    </row>
    <row r="231" spans="1:19">
      <c r="A231" s="6">
        <v>232</v>
      </c>
      <c r="B231" s="6">
        <v>24290</v>
      </c>
      <c r="C231" s="6">
        <v>26375</v>
      </c>
      <c r="D231" s="6">
        <f t="shared" si="6"/>
        <v>-2085</v>
      </c>
      <c r="E231" s="7">
        <f t="shared" si="7"/>
        <v>-8.5837793330588719E-2</v>
      </c>
      <c r="H231" s="8"/>
      <c r="S231" s="8"/>
    </row>
    <row r="232" spans="1:19">
      <c r="A232" s="6">
        <v>233</v>
      </c>
      <c r="B232" s="6">
        <v>24284</v>
      </c>
      <c r="C232" s="6">
        <v>26817</v>
      </c>
      <c r="D232" s="6">
        <f t="shared" si="6"/>
        <v>-2533</v>
      </c>
      <c r="E232" s="7">
        <f t="shared" si="7"/>
        <v>-0.10430736287267336</v>
      </c>
      <c r="H232" s="8"/>
      <c r="S232" s="8"/>
    </row>
    <row r="233" spans="1:19">
      <c r="A233" s="6">
        <v>234</v>
      </c>
      <c r="B233" s="6">
        <v>24277</v>
      </c>
      <c r="C233" s="6">
        <v>26776</v>
      </c>
      <c r="D233" s="6">
        <f t="shared" si="6"/>
        <v>-2499</v>
      </c>
      <c r="E233" s="7">
        <f t="shared" si="7"/>
        <v>-0.10293693619475223</v>
      </c>
      <c r="H233" s="8"/>
      <c r="S233" s="8"/>
    </row>
    <row r="234" spans="1:19">
      <c r="A234" s="6">
        <v>235</v>
      </c>
      <c r="B234" s="6">
        <v>24279</v>
      </c>
      <c r="C234" s="6">
        <v>26773</v>
      </c>
      <c r="D234" s="6">
        <f t="shared" si="6"/>
        <v>-2494</v>
      </c>
      <c r="E234" s="7">
        <f t="shared" si="7"/>
        <v>-0.10272251740186993</v>
      </c>
      <c r="H234" s="8"/>
      <c r="S234" s="8"/>
    </row>
    <row r="235" spans="1:19">
      <c r="A235" s="6">
        <v>236</v>
      </c>
      <c r="B235" s="6">
        <v>24287</v>
      </c>
      <c r="C235" s="6">
        <v>26824</v>
      </c>
      <c r="D235" s="6">
        <f t="shared" si="6"/>
        <v>-2537</v>
      </c>
      <c r="E235" s="7">
        <f t="shared" si="7"/>
        <v>-0.10445917569069872</v>
      </c>
      <c r="H235" s="8"/>
      <c r="S235" s="8"/>
    </row>
    <row r="236" spans="1:19">
      <c r="A236" s="6">
        <v>237</v>
      </c>
      <c r="B236" s="6">
        <v>24330</v>
      </c>
      <c r="C236" s="6">
        <v>26787</v>
      </c>
      <c r="D236" s="6">
        <f t="shared" si="6"/>
        <v>-2457</v>
      </c>
      <c r="E236" s="7">
        <f t="shared" si="7"/>
        <v>-0.10098643649815044</v>
      </c>
      <c r="H236" s="8"/>
      <c r="S236" s="8"/>
    </row>
    <row r="237" spans="1:19">
      <c r="A237" s="6">
        <v>238</v>
      </c>
      <c r="B237" s="6">
        <v>24273</v>
      </c>
      <c r="C237" s="6">
        <v>26780</v>
      </c>
      <c r="D237" s="6">
        <f t="shared" si="6"/>
        <v>-2507</v>
      </c>
      <c r="E237" s="7">
        <f t="shared" si="7"/>
        <v>-0.10328348370617559</v>
      </c>
      <c r="H237" s="8"/>
      <c r="S237" s="8"/>
    </row>
    <row r="238" spans="1:19">
      <c r="A238" s="6">
        <v>239</v>
      </c>
      <c r="B238" s="6">
        <v>24319</v>
      </c>
      <c r="C238" s="6">
        <v>26792</v>
      </c>
      <c r="D238" s="6">
        <f t="shared" si="6"/>
        <v>-2473</v>
      </c>
      <c r="E238" s="7">
        <f t="shared" si="7"/>
        <v>-0.10169003659689954</v>
      </c>
      <c r="H238" s="8"/>
      <c r="S238" s="8"/>
    </row>
    <row r="239" spans="1:19">
      <c r="A239" s="6">
        <v>240</v>
      </c>
      <c r="B239" s="6">
        <v>24686</v>
      </c>
      <c r="C239" s="6">
        <v>27203</v>
      </c>
      <c r="D239" s="6">
        <f t="shared" si="6"/>
        <v>-2517</v>
      </c>
      <c r="E239" s="7">
        <f t="shared" si="7"/>
        <v>-0.10196062545572389</v>
      </c>
      <c r="H239" s="8"/>
      <c r="S239" s="8"/>
    </row>
    <row r="240" spans="1:19">
      <c r="A240" s="6">
        <v>241</v>
      </c>
      <c r="B240" s="6">
        <v>24752</v>
      </c>
      <c r="C240" s="6">
        <v>27623</v>
      </c>
      <c r="D240" s="6">
        <f t="shared" si="6"/>
        <v>-2871</v>
      </c>
      <c r="E240" s="7">
        <f t="shared" si="7"/>
        <v>-0.11599062702003879</v>
      </c>
      <c r="H240" s="8"/>
      <c r="S240" s="8"/>
    </row>
    <row r="241" spans="1:19">
      <c r="A241" s="6">
        <v>242</v>
      </c>
      <c r="B241" s="6">
        <v>24722</v>
      </c>
      <c r="C241" s="6">
        <v>27644</v>
      </c>
      <c r="D241" s="6">
        <f t="shared" si="6"/>
        <v>-2922</v>
      </c>
      <c r="E241" s="7">
        <f t="shared" si="7"/>
        <v>-0.11819432084782784</v>
      </c>
      <c r="H241" s="8"/>
      <c r="S241" s="8"/>
    </row>
    <row r="242" spans="1:19">
      <c r="A242" s="6">
        <v>243</v>
      </c>
      <c r="B242" s="6">
        <v>24686</v>
      </c>
      <c r="C242" s="6">
        <v>27635</v>
      </c>
      <c r="D242" s="6">
        <f t="shared" si="6"/>
        <v>-2949</v>
      </c>
      <c r="E242" s="7">
        <f t="shared" si="7"/>
        <v>-0.11946042291177185</v>
      </c>
      <c r="H242" s="8"/>
      <c r="S242" s="8"/>
    </row>
    <row r="243" spans="1:19">
      <c r="A243" s="6">
        <v>244</v>
      </c>
      <c r="B243" s="6">
        <v>24740</v>
      </c>
      <c r="C243" s="6">
        <v>27648</v>
      </c>
      <c r="D243" s="6">
        <f t="shared" si="6"/>
        <v>-2908</v>
      </c>
      <c r="E243" s="7">
        <f t="shared" si="7"/>
        <v>-0.11754244139046079</v>
      </c>
      <c r="H243" s="8"/>
      <c r="S243" s="8"/>
    </row>
    <row r="244" spans="1:19">
      <c r="A244" s="6">
        <v>245</v>
      </c>
      <c r="B244" s="6">
        <v>24715</v>
      </c>
      <c r="C244" s="6">
        <v>27644</v>
      </c>
      <c r="D244" s="6">
        <f t="shared" si="6"/>
        <v>-2929</v>
      </c>
      <c r="E244" s="7">
        <f t="shared" si="7"/>
        <v>-0.11851102569289905</v>
      </c>
      <c r="H244" s="8"/>
      <c r="S244" s="8"/>
    </row>
    <row r="245" spans="1:19">
      <c r="A245" s="6">
        <v>246</v>
      </c>
      <c r="B245" s="6">
        <v>24696</v>
      </c>
      <c r="C245" s="6">
        <v>27603</v>
      </c>
      <c r="D245" s="6">
        <f t="shared" si="6"/>
        <v>-2907</v>
      </c>
      <c r="E245" s="7">
        <f t="shared" si="7"/>
        <v>-0.11771137026239067</v>
      </c>
      <c r="H245" s="8"/>
      <c r="S245" s="8"/>
    </row>
    <row r="246" spans="1:19">
      <c r="A246" s="6">
        <v>247</v>
      </c>
      <c r="B246" s="6">
        <v>24708</v>
      </c>
      <c r="C246" s="6">
        <v>27668</v>
      </c>
      <c r="D246" s="6">
        <f t="shared" si="6"/>
        <v>-2960</v>
      </c>
      <c r="E246" s="7">
        <f t="shared" si="7"/>
        <v>-0.1197992553019265</v>
      </c>
      <c r="H246" s="8"/>
      <c r="S246" s="8"/>
    </row>
    <row r="247" spans="1:19">
      <c r="A247" s="6">
        <v>248</v>
      </c>
      <c r="B247" s="6">
        <v>24724</v>
      </c>
      <c r="C247" s="6">
        <v>28033</v>
      </c>
      <c r="D247" s="6">
        <f t="shared" si="6"/>
        <v>-3309</v>
      </c>
      <c r="E247" s="7">
        <f t="shared" si="7"/>
        <v>-0.13383756673677399</v>
      </c>
      <c r="H247" s="8"/>
      <c r="S247" s="8"/>
    </row>
    <row r="248" spans="1:19">
      <c r="A248" s="6">
        <v>249</v>
      </c>
      <c r="B248" s="6">
        <v>24719</v>
      </c>
      <c r="C248" s="6">
        <v>28447</v>
      </c>
      <c r="D248" s="6">
        <f t="shared" si="6"/>
        <v>-3728</v>
      </c>
      <c r="E248" s="7">
        <f t="shared" si="7"/>
        <v>-0.15081516242566448</v>
      </c>
      <c r="H248" s="8"/>
      <c r="S248" s="8"/>
    </row>
    <row r="249" spans="1:19">
      <c r="A249" s="6">
        <v>250</v>
      </c>
      <c r="B249" s="6">
        <v>24706</v>
      </c>
      <c r="C249" s="6">
        <v>28500</v>
      </c>
      <c r="D249" s="6">
        <f t="shared" si="6"/>
        <v>-3794</v>
      </c>
      <c r="E249" s="7">
        <f t="shared" si="7"/>
        <v>-0.15356593540030761</v>
      </c>
      <c r="H249" s="8"/>
      <c r="S249" s="8"/>
    </row>
    <row r="250" spans="1:19">
      <c r="A250" s="6">
        <v>251</v>
      </c>
      <c r="B250" s="6">
        <v>24710</v>
      </c>
      <c r="C250" s="6">
        <v>28454</v>
      </c>
      <c r="D250" s="6">
        <f t="shared" si="6"/>
        <v>-3744</v>
      </c>
      <c r="E250" s="7">
        <f t="shared" si="7"/>
        <v>-0.15151760420882235</v>
      </c>
      <c r="H250" s="8"/>
      <c r="S250" s="8"/>
    </row>
    <row r="251" spans="1:19">
      <c r="A251" s="6">
        <v>252</v>
      </c>
      <c r="B251" s="6">
        <v>24728</v>
      </c>
      <c r="C251" s="6">
        <v>28453</v>
      </c>
      <c r="D251" s="6">
        <f t="shared" si="6"/>
        <v>-3725</v>
      </c>
      <c r="E251" s="7">
        <f t="shared" si="7"/>
        <v>-0.15063895179553544</v>
      </c>
      <c r="H251" s="8"/>
      <c r="S251" s="8"/>
    </row>
    <row r="252" spans="1:19">
      <c r="A252" s="6">
        <v>253</v>
      </c>
      <c r="B252" s="6">
        <v>24699</v>
      </c>
      <c r="C252" s="6">
        <v>28444</v>
      </c>
      <c r="D252" s="6">
        <f t="shared" si="6"/>
        <v>-3745</v>
      </c>
      <c r="E252" s="7">
        <f t="shared" si="7"/>
        <v>-0.15162557188550144</v>
      </c>
      <c r="H252" s="8"/>
      <c r="S252" s="8"/>
    </row>
    <row r="253" spans="1:19">
      <c r="A253" s="6">
        <v>254</v>
      </c>
      <c r="B253" s="6">
        <v>24702</v>
      </c>
      <c r="C253" s="6">
        <v>28468</v>
      </c>
      <c r="D253" s="6">
        <f t="shared" si="6"/>
        <v>-3766</v>
      </c>
      <c r="E253" s="7">
        <f t="shared" si="7"/>
        <v>-0.15245729090761881</v>
      </c>
      <c r="H253" s="8"/>
      <c r="S253" s="8"/>
    </row>
    <row r="254" spans="1:19">
      <c r="A254" s="6">
        <v>255</v>
      </c>
      <c r="B254" s="6">
        <v>24765</v>
      </c>
      <c r="C254" s="6">
        <v>28435</v>
      </c>
      <c r="D254" s="6">
        <f t="shared" si="6"/>
        <v>-3670</v>
      </c>
      <c r="E254" s="7">
        <f t="shared" si="7"/>
        <v>-0.14819301433474663</v>
      </c>
      <c r="H254" s="8"/>
      <c r="S254" s="8"/>
    </row>
    <row r="255" spans="1:19">
      <c r="A255" s="6">
        <v>256</v>
      </c>
      <c r="B255" s="6">
        <v>23889</v>
      </c>
      <c r="C255" s="6">
        <v>23900</v>
      </c>
      <c r="D255" s="6">
        <f t="shared" si="6"/>
        <v>-11</v>
      </c>
      <c r="E255" s="7">
        <f t="shared" si="7"/>
        <v>-4.6046297459081584E-4</v>
      </c>
      <c r="H255" s="8"/>
      <c r="S255" s="8"/>
    </row>
    <row r="256" spans="1:19">
      <c r="A256" s="6">
        <v>257</v>
      </c>
      <c r="B256" s="6">
        <v>26828</v>
      </c>
      <c r="C256" s="6">
        <v>25941</v>
      </c>
      <c r="D256" s="6">
        <f t="shared" si="6"/>
        <v>887</v>
      </c>
      <c r="E256" s="7">
        <f t="shared" si="7"/>
        <v>3.3062472044132998E-2</v>
      </c>
      <c r="H256" s="8"/>
      <c r="S256" s="8"/>
    </row>
    <row r="257" spans="1:19">
      <c r="A257" s="6">
        <v>258</v>
      </c>
      <c r="B257" s="6">
        <v>26764</v>
      </c>
      <c r="C257" s="6">
        <v>25946</v>
      </c>
      <c r="D257" s="6">
        <f t="shared" si="6"/>
        <v>818</v>
      </c>
      <c r="E257" s="7">
        <f t="shared" si="7"/>
        <v>3.0563443431475115E-2</v>
      </c>
      <c r="H257" s="8"/>
      <c r="S257" s="8"/>
    </row>
    <row r="258" spans="1:19">
      <c r="A258" s="6">
        <v>259</v>
      </c>
      <c r="B258" s="6">
        <v>26784</v>
      </c>
      <c r="C258" s="6">
        <v>25987</v>
      </c>
      <c r="D258" s="6">
        <f t="shared" si="6"/>
        <v>797</v>
      </c>
      <c r="E258" s="7">
        <f t="shared" si="7"/>
        <v>2.9756571087216247E-2</v>
      </c>
      <c r="H258" s="8"/>
      <c r="S258" s="8"/>
    </row>
    <row r="259" spans="1:19">
      <c r="A259" s="6">
        <v>260</v>
      </c>
      <c r="B259" s="6">
        <v>26789</v>
      </c>
      <c r="C259" s="6">
        <v>25952</v>
      </c>
      <c r="D259" s="6">
        <f t="shared" si="6"/>
        <v>837</v>
      </c>
      <c r="E259" s="7">
        <f t="shared" si="7"/>
        <v>3.1244167382134459E-2</v>
      </c>
      <c r="H259" s="8"/>
      <c r="S259" s="8"/>
    </row>
    <row r="260" spans="1:19">
      <c r="A260" s="6">
        <v>261</v>
      </c>
      <c r="B260" s="6">
        <v>26788</v>
      </c>
      <c r="C260" s="6">
        <v>25950</v>
      </c>
      <c r="D260" s="6">
        <f t="shared" ref="D260:D323" si="8">B260-C260</f>
        <v>838</v>
      </c>
      <c r="E260" s="7">
        <f t="shared" ref="E260:E323" si="9">D260/B260</f>
        <v>3.1282663879348964E-2</v>
      </c>
      <c r="H260" s="8"/>
      <c r="S260" s="8"/>
    </row>
    <row r="261" spans="1:19">
      <c r="A261" s="6">
        <v>262</v>
      </c>
      <c r="B261" s="6">
        <v>26816</v>
      </c>
      <c r="C261" s="6">
        <v>25967</v>
      </c>
      <c r="D261" s="6">
        <f t="shared" si="8"/>
        <v>849</v>
      </c>
      <c r="E261" s="7">
        <f t="shared" si="9"/>
        <v>3.1660202863961817E-2</v>
      </c>
      <c r="H261" s="8"/>
      <c r="S261" s="8"/>
    </row>
    <row r="262" spans="1:19">
      <c r="A262" s="6">
        <v>263</v>
      </c>
      <c r="B262" s="6">
        <v>26772</v>
      </c>
      <c r="C262" s="6">
        <v>25950</v>
      </c>
      <c r="D262" s="6">
        <f t="shared" si="8"/>
        <v>822</v>
      </c>
      <c r="E262" s="7">
        <f t="shared" si="9"/>
        <v>3.0703720304796057E-2</v>
      </c>
      <c r="H262" s="8"/>
      <c r="S262" s="8"/>
    </row>
    <row r="263" spans="1:19">
      <c r="A263" s="6">
        <v>264</v>
      </c>
      <c r="B263" s="6">
        <v>26772</v>
      </c>
      <c r="C263" s="6">
        <v>26367</v>
      </c>
      <c r="D263" s="6">
        <f t="shared" si="8"/>
        <v>405</v>
      </c>
      <c r="E263" s="7">
        <f t="shared" si="9"/>
        <v>1.5127745405647692E-2</v>
      </c>
      <c r="H263" s="8"/>
      <c r="S263" s="8"/>
    </row>
    <row r="264" spans="1:19">
      <c r="A264" s="6">
        <v>265</v>
      </c>
      <c r="B264" s="6">
        <v>26779</v>
      </c>
      <c r="C264" s="6">
        <v>26830</v>
      </c>
      <c r="D264" s="6">
        <f t="shared" si="8"/>
        <v>-51</v>
      </c>
      <c r="E264" s="7">
        <f t="shared" si="9"/>
        <v>-1.9044773889988424E-3</v>
      </c>
      <c r="H264" s="8"/>
      <c r="S264" s="8"/>
    </row>
    <row r="265" spans="1:19">
      <c r="A265" s="6">
        <v>266</v>
      </c>
      <c r="B265" s="6">
        <v>26833</v>
      </c>
      <c r="C265" s="6">
        <v>26771</v>
      </c>
      <c r="D265" s="6">
        <f t="shared" si="8"/>
        <v>62</v>
      </c>
      <c r="E265" s="7">
        <f t="shared" si="9"/>
        <v>2.3105877091640888E-3</v>
      </c>
      <c r="H265" s="8"/>
      <c r="S265" s="8"/>
    </row>
    <row r="266" spans="1:19">
      <c r="A266" s="6">
        <v>267</v>
      </c>
      <c r="B266" s="6">
        <v>26852</v>
      </c>
      <c r="C266" s="6">
        <v>26800</v>
      </c>
      <c r="D266" s="6">
        <f t="shared" si="8"/>
        <v>52</v>
      </c>
      <c r="E266" s="7">
        <f t="shared" si="9"/>
        <v>1.9365410397735737E-3</v>
      </c>
      <c r="H266" s="8"/>
      <c r="S266" s="8"/>
    </row>
    <row r="267" spans="1:19">
      <c r="A267" s="6">
        <v>268</v>
      </c>
      <c r="B267" s="6">
        <v>26777</v>
      </c>
      <c r="C267" s="6">
        <v>26777</v>
      </c>
      <c r="D267" s="6">
        <f t="shared" si="8"/>
        <v>0</v>
      </c>
      <c r="E267" s="7">
        <f t="shared" si="9"/>
        <v>0</v>
      </c>
      <c r="H267" s="8"/>
      <c r="S267" s="8"/>
    </row>
    <row r="268" spans="1:19">
      <c r="A268" s="6">
        <v>269</v>
      </c>
      <c r="B268" s="6">
        <v>26832</v>
      </c>
      <c r="C268" s="6">
        <v>26790</v>
      </c>
      <c r="D268" s="6">
        <f t="shared" si="8"/>
        <v>42</v>
      </c>
      <c r="E268" s="7">
        <f t="shared" si="9"/>
        <v>1.5652951699463328E-3</v>
      </c>
      <c r="H268" s="8"/>
      <c r="S268" s="8"/>
    </row>
    <row r="269" spans="1:19">
      <c r="A269" s="6">
        <v>270</v>
      </c>
      <c r="B269" s="6">
        <v>26769</v>
      </c>
      <c r="C269" s="6">
        <v>26792</v>
      </c>
      <c r="D269" s="6">
        <f t="shared" si="8"/>
        <v>-23</v>
      </c>
      <c r="E269" s="7">
        <f t="shared" si="9"/>
        <v>-8.5920280921961969E-4</v>
      </c>
      <c r="H269" s="8"/>
      <c r="S269" s="8"/>
    </row>
    <row r="270" spans="1:19">
      <c r="A270" s="6">
        <v>271</v>
      </c>
      <c r="B270" s="6">
        <v>26788</v>
      </c>
      <c r="C270" s="6">
        <v>26808</v>
      </c>
      <c r="D270" s="6">
        <f t="shared" si="8"/>
        <v>-20</v>
      </c>
      <c r="E270" s="7">
        <f t="shared" si="9"/>
        <v>-7.4660295654770798E-4</v>
      </c>
      <c r="H270" s="8"/>
      <c r="S270" s="8"/>
    </row>
    <row r="271" spans="1:19">
      <c r="A271" s="6">
        <v>272</v>
      </c>
      <c r="B271" s="6">
        <v>26805</v>
      </c>
      <c r="C271" s="6">
        <v>27214</v>
      </c>
      <c r="D271" s="6">
        <f t="shared" si="8"/>
        <v>-409</v>
      </c>
      <c r="E271" s="7">
        <f t="shared" si="9"/>
        <v>-1.5258347323260585E-2</v>
      </c>
      <c r="H271" s="8"/>
      <c r="S271" s="8"/>
    </row>
    <row r="272" spans="1:19">
      <c r="A272" s="6">
        <v>273</v>
      </c>
      <c r="B272" s="6">
        <v>26841</v>
      </c>
      <c r="C272" s="6">
        <v>27614</v>
      </c>
      <c r="D272" s="6">
        <f t="shared" si="8"/>
        <v>-773</v>
      </c>
      <c r="E272" s="7">
        <f t="shared" si="9"/>
        <v>-2.8799225066130175E-2</v>
      </c>
      <c r="H272" s="8"/>
      <c r="S272" s="8"/>
    </row>
    <row r="273" spans="1:19">
      <c r="A273" s="6">
        <v>274</v>
      </c>
      <c r="B273" s="6">
        <v>26776</v>
      </c>
      <c r="C273" s="6">
        <v>27653</v>
      </c>
      <c r="D273" s="6">
        <f t="shared" si="8"/>
        <v>-877</v>
      </c>
      <c r="E273" s="7">
        <f t="shared" si="9"/>
        <v>-3.2753211831490887E-2</v>
      </c>
      <c r="H273" s="8"/>
      <c r="S273" s="8"/>
    </row>
    <row r="274" spans="1:19">
      <c r="A274" s="6">
        <v>275</v>
      </c>
      <c r="B274" s="6">
        <v>26806</v>
      </c>
      <c r="C274" s="6">
        <v>27662</v>
      </c>
      <c r="D274" s="6">
        <f t="shared" si="8"/>
        <v>-856</v>
      </c>
      <c r="E274" s="7">
        <f t="shared" si="9"/>
        <v>-3.1933149294933967E-2</v>
      </c>
      <c r="H274" s="8"/>
      <c r="S274" s="8"/>
    </row>
    <row r="275" spans="1:19">
      <c r="A275" s="6">
        <v>276</v>
      </c>
      <c r="B275" s="6">
        <v>26765</v>
      </c>
      <c r="C275" s="6">
        <v>27614</v>
      </c>
      <c r="D275" s="6">
        <f t="shared" si="8"/>
        <v>-849</v>
      </c>
      <c r="E275" s="7">
        <f t="shared" si="9"/>
        <v>-3.1720530543620402E-2</v>
      </c>
      <c r="H275" s="8"/>
      <c r="S275" s="8"/>
    </row>
    <row r="276" spans="1:19">
      <c r="A276" s="6">
        <v>277</v>
      </c>
      <c r="B276" s="6">
        <v>26794</v>
      </c>
      <c r="C276" s="6">
        <v>27649</v>
      </c>
      <c r="D276" s="6">
        <f t="shared" si="8"/>
        <v>-855</v>
      </c>
      <c r="E276" s="7">
        <f t="shared" si="9"/>
        <v>-3.1910129133388074E-2</v>
      </c>
      <c r="H276" s="8"/>
      <c r="S276" s="8"/>
    </row>
    <row r="277" spans="1:19">
      <c r="A277" s="6">
        <v>278</v>
      </c>
      <c r="B277" s="6">
        <v>26783</v>
      </c>
      <c r="C277" s="6">
        <v>27619</v>
      </c>
      <c r="D277" s="6">
        <f t="shared" si="8"/>
        <v>-836</v>
      </c>
      <c r="E277" s="7">
        <f t="shared" si="9"/>
        <v>-3.1213829668073033E-2</v>
      </c>
      <c r="H277" s="8"/>
      <c r="S277" s="8"/>
    </row>
    <row r="278" spans="1:19">
      <c r="A278" s="6">
        <v>279</v>
      </c>
      <c r="B278" s="6">
        <v>26789</v>
      </c>
      <c r="C278" s="6">
        <v>27623</v>
      </c>
      <c r="D278" s="6">
        <f t="shared" si="8"/>
        <v>-834</v>
      </c>
      <c r="E278" s="7">
        <f t="shared" si="9"/>
        <v>-3.1132181119116056E-2</v>
      </c>
      <c r="H278" s="8"/>
      <c r="S278" s="8"/>
    </row>
    <row r="279" spans="1:19">
      <c r="A279" s="6">
        <v>280</v>
      </c>
      <c r="B279" s="6">
        <v>26794</v>
      </c>
      <c r="C279" s="6">
        <v>28047</v>
      </c>
      <c r="D279" s="6">
        <f t="shared" si="8"/>
        <v>-1253</v>
      </c>
      <c r="E279" s="7">
        <f t="shared" si="9"/>
        <v>-4.6764200940509072E-2</v>
      </c>
      <c r="H279" s="8"/>
      <c r="S279" s="8"/>
    </row>
    <row r="280" spans="1:19">
      <c r="A280" s="6">
        <v>281</v>
      </c>
      <c r="B280" s="6">
        <v>26840</v>
      </c>
      <c r="C280" s="6">
        <v>28441</v>
      </c>
      <c r="D280" s="6">
        <f t="shared" si="8"/>
        <v>-1601</v>
      </c>
      <c r="E280" s="7">
        <f t="shared" si="9"/>
        <v>-5.9649776453055144E-2</v>
      </c>
      <c r="H280" s="8"/>
      <c r="S280" s="8"/>
    </row>
    <row r="281" spans="1:19">
      <c r="A281" s="6">
        <v>282</v>
      </c>
      <c r="B281" s="6">
        <v>26786</v>
      </c>
      <c r="C281" s="6">
        <v>28455</v>
      </c>
      <c r="D281" s="6">
        <f t="shared" si="8"/>
        <v>-1669</v>
      </c>
      <c r="E281" s="7">
        <f t="shared" si="9"/>
        <v>-6.2308668707533786E-2</v>
      </c>
      <c r="H281" s="8"/>
      <c r="S281" s="8"/>
    </row>
    <row r="282" spans="1:19">
      <c r="A282" s="6">
        <v>283</v>
      </c>
      <c r="B282" s="6">
        <v>26775</v>
      </c>
      <c r="C282" s="6">
        <v>28444</v>
      </c>
      <c r="D282" s="6">
        <f t="shared" si="8"/>
        <v>-1669</v>
      </c>
      <c r="E282" s="7">
        <f t="shared" si="9"/>
        <v>-6.2334267040149396E-2</v>
      </c>
      <c r="H282" s="8"/>
      <c r="S282" s="8"/>
    </row>
    <row r="283" spans="1:19">
      <c r="A283" s="6">
        <v>284</v>
      </c>
      <c r="B283" s="6">
        <v>26819</v>
      </c>
      <c r="C283" s="6">
        <v>28451</v>
      </c>
      <c r="D283" s="6">
        <f t="shared" si="8"/>
        <v>-1632</v>
      </c>
      <c r="E283" s="7">
        <f t="shared" si="9"/>
        <v>-6.0852380774823821E-2</v>
      </c>
      <c r="H283" s="8"/>
      <c r="S283" s="8"/>
    </row>
    <row r="284" spans="1:19">
      <c r="A284" s="6">
        <v>285</v>
      </c>
      <c r="B284" s="6">
        <v>26775</v>
      </c>
      <c r="C284" s="6">
        <v>28462</v>
      </c>
      <c r="D284" s="6">
        <f t="shared" si="8"/>
        <v>-1687</v>
      </c>
      <c r="E284" s="7">
        <f t="shared" si="9"/>
        <v>-6.3006535947712425E-2</v>
      </c>
      <c r="H284" s="8"/>
      <c r="S284" s="8"/>
    </row>
    <row r="285" spans="1:19">
      <c r="A285" s="6">
        <v>286</v>
      </c>
      <c r="B285" s="6">
        <v>26767</v>
      </c>
      <c r="C285" s="6">
        <v>28476</v>
      </c>
      <c r="D285" s="6">
        <f t="shared" si="8"/>
        <v>-1709</v>
      </c>
      <c r="E285" s="7">
        <f t="shared" si="9"/>
        <v>-6.3847274629207612E-2</v>
      </c>
      <c r="H285" s="8"/>
      <c r="S285" s="8"/>
    </row>
    <row r="286" spans="1:19">
      <c r="A286" s="6">
        <v>287</v>
      </c>
      <c r="B286" s="6">
        <v>27226</v>
      </c>
      <c r="C286" s="6">
        <v>28454</v>
      </c>
      <c r="D286" s="6">
        <f t="shared" si="8"/>
        <v>-1228</v>
      </c>
      <c r="E286" s="7">
        <f t="shared" si="9"/>
        <v>-4.5103944758686551E-2</v>
      </c>
      <c r="H286" s="8"/>
      <c r="S286" s="8"/>
    </row>
    <row r="287" spans="1:19">
      <c r="A287" s="6">
        <v>288</v>
      </c>
      <c r="B287" s="6">
        <v>27230</v>
      </c>
      <c r="C287" s="6">
        <v>28881</v>
      </c>
      <c r="D287" s="6">
        <f t="shared" si="8"/>
        <v>-1651</v>
      </c>
      <c r="E287" s="7">
        <f t="shared" si="9"/>
        <v>-6.0631656261476312E-2</v>
      </c>
      <c r="H287" s="8"/>
      <c r="S287" s="8"/>
    </row>
    <row r="288" spans="1:19">
      <c r="A288" s="6">
        <v>289</v>
      </c>
      <c r="B288" s="6">
        <v>27651</v>
      </c>
      <c r="C288" s="6">
        <v>29328</v>
      </c>
      <c r="D288" s="6">
        <f t="shared" si="8"/>
        <v>-1677</v>
      </c>
      <c r="E288" s="7">
        <f t="shared" si="9"/>
        <v>-6.0648801128349791E-2</v>
      </c>
      <c r="H288" s="8"/>
      <c r="S288" s="8"/>
    </row>
    <row r="289" spans="1:19">
      <c r="A289" s="6">
        <v>290</v>
      </c>
      <c r="B289" s="6">
        <v>27610</v>
      </c>
      <c r="C289" s="6">
        <v>29273</v>
      </c>
      <c r="D289" s="6">
        <f t="shared" si="8"/>
        <v>-1663</v>
      </c>
      <c r="E289" s="7">
        <f t="shared" si="9"/>
        <v>-6.0231800072437523E-2</v>
      </c>
      <c r="H289" s="8"/>
      <c r="S289" s="8"/>
    </row>
    <row r="290" spans="1:19">
      <c r="A290" s="6">
        <v>291</v>
      </c>
      <c r="B290" s="6">
        <v>27669</v>
      </c>
      <c r="C290" s="6">
        <v>29291</v>
      </c>
      <c r="D290" s="6">
        <f t="shared" si="8"/>
        <v>-1622</v>
      </c>
      <c r="E290" s="7">
        <f t="shared" si="9"/>
        <v>-5.8621562036936643E-2</v>
      </c>
      <c r="H290" s="8"/>
      <c r="S290" s="8"/>
    </row>
    <row r="291" spans="1:19">
      <c r="A291" s="6">
        <v>292</v>
      </c>
      <c r="B291" s="6">
        <v>27648</v>
      </c>
      <c r="C291" s="6">
        <v>29303</v>
      </c>
      <c r="D291" s="6">
        <f t="shared" si="8"/>
        <v>-1655</v>
      </c>
      <c r="E291" s="7">
        <f t="shared" si="9"/>
        <v>-5.9859664351851853E-2</v>
      </c>
      <c r="H291" s="8"/>
      <c r="S291" s="8"/>
    </row>
    <row r="292" spans="1:19">
      <c r="A292" s="6">
        <v>293</v>
      </c>
      <c r="B292" s="6">
        <v>27642</v>
      </c>
      <c r="C292" s="6">
        <v>29297</v>
      </c>
      <c r="D292" s="6">
        <f t="shared" si="8"/>
        <v>-1655</v>
      </c>
      <c r="E292" s="7">
        <f t="shared" si="9"/>
        <v>-5.9872657550104916E-2</v>
      </c>
      <c r="H292" s="8"/>
      <c r="S292" s="8"/>
    </row>
    <row r="293" spans="1:19">
      <c r="A293" s="6">
        <v>294</v>
      </c>
      <c r="B293" s="6">
        <v>27630</v>
      </c>
      <c r="C293" s="6">
        <v>29307</v>
      </c>
      <c r="D293" s="6">
        <f t="shared" si="8"/>
        <v>-1677</v>
      </c>
      <c r="E293" s="7">
        <f t="shared" si="9"/>
        <v>-6.0694896851248646E-2</v>
      </c>
      <c r="H293" s="8"/>
      <c r="S293" s="8"/>
    </row>
    <row r="294" spans="1:19">
      <c r="A294" s="6">
        <v>295</v>
      </c>
      <c r="B294" s="6">
        <v>27648</v>
      </c>
      <c r="C294" s="6">
        <v>29285</v>
      </c>
      <c r="D294" s="6">
        <f t="shared" si="8"/>
        <v>-1637</v>
      </c>
      <c r="E294" s="7">
        <f t="shared" si="9"/>
        <v>-5.9208622685185182E-2</v>
      </c>
      <c r="H294" s="8"/>
      <c r="S294" s="8"/>
    </row>
    <row r="295" spans="1:19">
      <c r="A295" s="6">
        <v>296</v>
      </c>
      <c r="B295" s="6">
        <v>27644</v>
      </c>
      <c r="C295" s="6">
        <v>29768</v>
      </c>
      <c r="D295" s="6">
        <f t="shared" si="8"/>
        <v>-2124</v>
      </c>
      <c r="E295" s="7">
        <f t="shared" si="9"/>
        <v>-7.6834032701490376E-2</v>
      </c>
      <c r="H295" s="8"/>
      <c r="S295" s="8"/>
    </row>
    <row r="296" spans="1:19">
      <c r="A296" s="6">
        <v>297</v>
      </c>
      <c r="B296" s="6">
        <v>27643</v>
      </c>
      <c r="C296" s="6">
        <v>30120</v>
      </c>
      <c r="D296" s="6">
        <f t="shared" si="8"/>
        <v>-2477</v>
      </c>
      <c r="E296" s="7">
        <f t="shared" si="9"/>
        <v>-8.9606772058025544E-2</v>
      </c>
      <c r="H296" s="8"/>
      <c r="S296" s="8"/>
    </row>
    <row r="297" spans="1:19">
      <c r="A297" s="6">
        <v>298</v>
      </c>
      <c r="B297" s="6">
        <v>27607</v>
      </c>
      <c r="C297" s="6">
        <v>30127</v>
      </c>
      <c r="D297" s="6">
        <f t="shared" si="8"/>
        <v>-2520</v>
      </c>
      <c r="E297" s="7">
        <f t="shared" si="9"/>
        <v>-9.1281196797913577E-2</v>
      </c>
      <c r="H297" s="8"/>
      <c r="S297" s="8"/>
    </row>
    <row r="298" spans="1:19">
      <c r="A298" s="6">
        <v>299</v>
      </c>
      <c r="B298" s="6">
        <v>27629</v>
      </c>
      <c r="C298" s="6">
        <v>30112</v>
      </c>
      <c r="D298" s="6">
        <f t="shared" si="8"/>
        <v>-2483</v>
      </c>
      <c r="E298" s="7">
        <f t="shared" si="9"/>
        <v>-8.9869340186036414E-2</v>
      </c>
      <c r="H298" s="8"/>
      <c r="S298" s="8"/>
    </row>
    <row r="299" spans="1:19">
      <c r="A299" s="6">
        <v>300</v>
      </c>
      <c r="B299" s="6">
        <v>27711</v>
      </c>
      <c r="C299" s="6">
        <v>30221</v>
      </c>
      <c r="D299" s="6">
        <f t="shared" si="8"/>
        <v>-2510</v>
      </c>
      <c r="E299" s="7">
        <f t="shared" si="9"/>
        <v>-9.0577748908375735E-2</v>
      </c>
      <c r="H299" s="8"/>
      <c r="S299" s="8"/>
    </row>
    <row r="300" spans="1:19">
      <c r="A300" s="6">
        <v>301</v>
      </c>
      <c r="B300" s="6">
        <v>27675</v>
      </c>
      <c r="C300" s="6">
        <v>30145</v>
      </c>
      <c r="D300" s="6">
        <f t="shared" si="8"/>
        <v>-2470</v>
      </c>
      <c r="E300" s="7">
        <f t="shared" si="9"/>
        <v>-8.9250225835591696E-2</v>
      </c>
      <c r="H300" s="8"/>
      <c r="S300" s="8"/>
    </row>
    <row r="301" spans="1:19">
      <c r="A301" s="6">
        <v>302</v>
      </c>
      <c r="B301" s="6">
        <v>27655</v>
      </c>
      <c r="C301" s="6">
        <v>30115</v>
      </c>
      <c r="D301" s="6">
        <f t="shared" si="8"/>
        <v>-2460</v>
      </c>
      <c r="E301" s="7">
        <f t="shared" si="9"/>
        <v>-8.8953173024769475E-2</v>
      </c>
      <c r="H301" s="8"/>
      <c r="S301" s="8"/>
    </row>
    <row r="302" spans="1:19">
      <c r="A302" s="6">
        <v>303</v>
      </c>
      <c r="B302" s="6">
        <v>27757</v>
      </c>
      <c r="C302" s="6">
        <v>30125</v>
      </c>
      <c r="D302" s="6">
        <f t="shared" si="8"/>
        <v>-2368</v>
      </c>
      <c r="E302" s="7">
        <f t="shared" si="9"/>
        <v>-8.5311813236300757E-2</v>
      </c>
      <c r="H302" s="8"/>
      <c r="S302" s="8"/>
    </row>
    <row r="303" spans="1:19">
      <c r="A303" s="6">
        <v>304</v>
      </c>
      <c r="B303" s="6">
        <v>28070</v>
      </c>
      <c r="C303" s="6">
        <v>30582</v>
      </c>
      <c r="D303" s="6">
        <f t="shared" si="8"/>
        <v>-2512</v>
      </c>
      <c r="E303" s="7">
        <f t="shared" si="9"/>
        <v>-8.9490559315995727E-2</v>
      </c>
      <c r="H303" s="8"/>
      <c r="S303" s="8"/>
    </row>
    <row r="304" spans="1:19">
      <c r="A304" s="6">
        <v>305</v>
      </c>
      <c r="B304" s="6">
        <v>28042</v>
      </c>
      <c r="C304" s="6">
        <v>30950</v>
      </c>
      <c r="D304" s="6">
        <f t="shared" si="8"/>
        <v>-2908</v>
      </c>
      <c r="E304" s="7">
        <f t="shared" si="9"/>
        <v>-0.10370159047143571</v>
      </c>
      <c r="H304" s="8"/>
      <c r="S304" s="8"/>
    </row>
    <row r="305" spans="1:19">
      <c r="A305" s="6">
        <v>306</v>
      </c>
      <c r="B305" s="6">
        <v>28063</v>
      </c>
      <c r="C305" s="6">
        <v>30996</v>
      </c>
      <c r="D305" s="6">
        <f t="shared" si="8"/>
        <v>-2933</v>
      </c>
      <c r="E305" s="7">
        <f t="shared" si="9"/>
        <v>-0.10451484160638563</v>
      </c>
      <c r="H305" s="8"/>
      <c r="S305" s="8"/>
    </row>
    <row r="306" spans="1:19">
      <c r="A306" s="6">
        <v>307</v>
      </c>
      <c r="B306" s="6">
        <v>28071</v>
      </c>
      <c r="C306" s="6">
        <v>30965</v>
      </c>
      <c r="D306" s="6">
        <f t="shared" si="8"/>
        <v>-2894</v>
      </c>
      <c r="E306" s="7">
        <f t="shared" si="9"/>
        <v>-0.10309572156317909</v>
      </c>
      <c r="H306" s="8"/>
      <c r="S306" s="8"/>
    </row>
    <row r="307" spans="1:19">
      <c r="A307" s="6">
        <v>308</v>
      </c>
      <c r="B307" s="6">
        <v>28060</v>
      </c>
      <c r="C307" s="6">
        <v>30959</v>
      </c>
      <c r="D307" s="6">
        <f t="shared" si="8"/>
        <v>-2899</v>
      </c>
      <c r="E307" s="7">
        <f t="shared" si="9"/>
        <v>-0.10331432644333571</v>
      </c>
      <c r="H307" s="8"/>
      <c r="S307" s="8"/>
    </row>
    <row r="308" spans="1:19">
      <c r="A308" s="6">
        <v>309</v>
      </c>
      <c r="B308" s="6">
        <v>28060</v>
      </c>
      <c r="C308" s="6">
        <v>30995</v>
      </c>
      <c r="D308" s="6">
        <f t="shared" si="8"/>
        <v>-2935</v>
      </c>
      <c r="E308" s="7">
        <f t="shared" si="9"/>
        <v>-0.10459729151817534</v>
      </c>
      <c r="H308" s="8"/>
      <c r="S308" s="8"/>
    </row>
    <row r="309" spans="1:19">
      <c r="A309" s="6">
        <v>310</v>
      </c>
      <c r="B309" s="6">
        <v>28056</v>
      </c>
      <c r="C309" s="6">
        <v>30949</v>
      </c>
      <c r="D309" s="6">
        <f t="shared" si="8"/>
        <v>-2893</v>
      </c>
      <c r="E309" s="7">
        <f t="shared" si="9"/>
        <v>-0.10311519817507842</v>
      </c>
      <c r="H309" s="8"/>
      <c r="S309" s="8"/>
    </row>
    <row r="310" spans="1:19">
      <c r="A310" s="6">
        <v>311</v>
      </c>
      <c r="B310" s="6">
        <v>28049</v>
      </c>
      <c r="C310" s="6">
        <v>30976</v>
      </c>
      <c r="D310" s="6">
        <f t="shared" si="8"/>
        <v>-2927</v>
      </c>
      <c r="E310" s="7">
        <f t="shared" si="9"/>
        <v>-0.10435309636707191</v>
      </c>
      <c r="H310" s="8"/>
      <c r="S310" s="8"/>
    </row>
    <row r="311" spans="1:19">
      <c r="A311" s="6">
        <v>312</v>
      </c>
      <c r="B311" s="6">
        <v>28084</v>
      </c>
      <c r="C311" s="6">
        <v>31459</v>
      </c>
      <c r="D311" s="6">
        <f t="shared" si="8"/>
        <v>-3375</v>
      </c>
      <c r="E311" s="7">
        <f t="shared" si="9"/>
        <v>-0.12017518871955563</v>
      </c>
      <c r="H311" s="8"/>
      <c r="S311" s="8"/>
    </row>
    <row r="312" spans="1:19">
      <c r="A312" s="6">
        <v>313</v>
      </c>
      <c r="B312" s="6">
        <v>28045</v>
      </c>
      <c r="C312" s="6">
        <v>31792</v>
      </c>
      <c r="D312" s="6">
        <f t="shared" si="8"/>
        <v>-3747</v>
      </c>
      <c r="E312" s="7">
        <f t="shared" si="9"/>
        <v>-0.13360670351221252</v>
      </c>
      <c r="H312" s="8"/>
      <c r="S312" s="8"/>
    </row>
    <row r="313" spans="1:19">
      <c r="A313" s="6">
        <v>314</v>
      </c>
      <c r="B313" s="6">
        <v>28039</v>
      </c>
      <c r="C313" s="6">
        <v>31829</v>
      </c>
      <c r="D313" s="6">
        <f t="shared" si="8"/>
        <v>-3790</v>
      </c>
      <c r="E313" s="7">
        <f t="shared" si="9"/>
        <v>-0.13516887192838548</v>
      </c>
      <c r="H313" s="8"/>
      <c r="S313" s="8"/>
    </row>
    <row r="314" spans="1:19">
      <c r="A314" s="6">
        <v>315</v>
      </c>
      <c r="B314" s="6">
        <v>28029</v>
      </c>
      <c r="C314" s="6">
        <v>31826</v>
      </c>
      <c r="D314" s="6">
        <f t="shared" si="8"/>
        <v>-3797</v>
      </c>
      <c r="E314" s="7">
        <f t="shared" si="9"/>
        <v>-0.13546683791787079</v>
      </c>
      <c r="H314" s="8"/>
      <c r="S314" s="8"/>
    </row>
    <row r="315" spans="1:19">
      <c r="A315" s="6">
        <v>316</v>
      </c>
      <c r="B315" s="6">
        <v>28028</v>
      </c>
      <c r="C315" s="6">
        <v>31791</v>
      </c>
      <c r="D315" s="6">
        <f t="shared" si="8"/>
        <v>-3763</v>
      </c>
      <c r="E315" s="7">
        <f t="shared" si="9"/>
        <v>-0.13425859854431282</v>
      </c>
      <c r="H315" s="8"/>
      <c r="S315" s="8"/>
    </row>
    <row r="316" spans="1:19">
      <c r="A316" s="6">
        <v>317</v>
      </c>
      <c r="B316" s="6">
        <v>28051</v>
      </c>
      <c r="C316" s="6">
        <v>31830</v>
      </c>
      <c r="D316" s="6">
        <f t="shared" si="8"/>
        <v>-3779</v>
      </c>
      <c r="E316" s="7">
        <f t="shared" si="9"/>
        <v>-0.13471890485187693</v>
      </c>
      <c r="H316" s="8"/>
      <c r="S316" s="8"/>
    </row>
    <row r="317" spans="1:19">
      <c r="A317" s="6">
        <v>318</v>
      </c>
      <c r="B317" s="6">
        <v>28027</v>
      </c>
      <c r="C317" s="6">
        <v>31809</v>
      </c>
      <c r="D317" s="6">
        <f t="shared" si="8"/>
        <v>-3782</v>
      </c>
      <c r="E317" s="7">
        <f t="shared" si="9"/>
        <v>-0.13494130659720982</v>
      </c>
      <c r="H317" s="8"/>
      <c r="S317" s="8"/>
    </row>
    <row r="318" spans="1:19">
      <c r="A318" s="6">
        <v>319</v>
      </c>
      <c r="B318" s="6">
        <v>28035</v>
      </c>
      <c r="C318" s="6">
        <v>31799</v>
      </c>
      <c r="D318" s="6">
        <f t="shared" si="8"/>
        <v>-3764</v>
      </c>
      <c r="E318" s="7">
        <f t="shared" si="9"/>
        <v>-0.13426074549670056</v>
      </c>
      <c r="H318" s="8"/>
      <c r="S318" s="8"/>
    </row>
    <row r="319" spans="1:19">
      <c r="A319" s="6">
        <v>320</v>
      </c>
      <c r="B319" s="6">
        <v>27203</v>
      </c>
      <c r="C319" s="6">
        <v>27216</v>
      </c>
      <c r="D319" s="6">
        <f t="shared" si="8"/>
        <v>-13</v>
      </c>
      <c r="E319" s="7">
        <f t="shared" si="9"/>
        <v>-4.7788846818365622E-4</v>
      </c>
      <c r="H319" s="8"/>
      <c r="S319" s="8"/>
    </row>
    <row r="320" spans="1:19">
      <c r="A320" s="6">
        <v>321</v>
      </c>
      <c r="B320" s="6">
        <v>30134</v>
      </c>
      <c r="C320" s="6">
        <v>29296</v>
      </c>
      <c r="D320" s="6">
        <f t="shared" si="8"/>
        <v>838</v>
      </c>
      <c r="E320" s="7">
        <f t="shared" si="9"/>
        <v>2.7809119267272846E-2</v>
      </c>
      <c r="H320" s="8"/>
      <c r="S320" s="8"/>
    </row>
    <row r="321" spans="1:19">
      <c r="A321" s="6">
        <v>322</v>
      </c>
      <c r="B321" s="6">
        <v>30122</v>
      </c>
      <c r="C321" s="6">
        <v>29331</v>
      </c>
      <c r="D321" s="6">
        <f t="shared" si="8"/>
        <v>791</v>
      </c>
      <c r="E321" s="7">
        <f t="shared" si="9"/>
        <v>2.6259876502224288E-2</v>
      </c>
      <c r="H321" s="8"/>
      <c r="S321" s="8"/>
    </row>
    <row r="322" spans="1:19">
      <c r="A322" s="6">
        <v>323</v>
      </c>
      <c r="B322" s="6">
        <v>30101</v>
      </c>
      <c r="C322" s="6">
        <v>29292</v>
      </c>
      <c r="D322" s="6">
        <f t="shared" si="8"/>
        <v>809</v>
      </c>
      <c r="E322" s="7">
        <f t="shared" si="9"/>
        <v>2.6876183515497823E-2</v>
      </c>
      <c r="H322" s="8"/>
      <c r="S322" s="8"/>
    </row>
    <row r="323" spans="1:19">
      <c r="A323" s="6">
        <v>324</v>
      </c>
      <c r="B323" s="6">
        <v>30122</v>
      </c>
      <c r="C323" s="6">
        <v>29596</v>
      </c>
      <c r="D323" s="6">
        <f t="shared" si="8"/>
        <v>526</v>
      </c>
      <c r="E323" s="7">
        <f t="shared" si="9"/>
        <v>1.7462319899077088E-2</v>
      </c>
      <c r="H323" s="8"/>
      <c r="S323" s="8"/>
    </row>
    <row r="324" spans="1:19">
      <c r="A324" s="6">
        <v>325</v>
      </c>
      <c r="B324" s="6">
        <v>30186</v>
      </c>
      <c r="C324" s="6">
        <v>29291</v>
      </c>
      <c r="D324" s="6">
        <f t="shared" ref="D324:D387" si="10">B324-C324</f>
        <v>895</v>
      </c>
      <c r="E324" s="7">
        <f t="shared" ref="E324:E387" si="11">D324/B324</f>
        <v>2.9649506393692439E-2</v>
      </c>
      <c r="H324" s="8"/>
      <c r="S324" s="8"/>
    </row>
    <row r="325" spans="1:19">
      <c r="A325" s="6">
        <v>326</v>
      </c>
      <c r="B325" s="6">
        <v>30129</v>
      </c>
      <c r="C325" s="6">
        <v>29331</v>
      </c>
      <c r="D325" s="6">
        <f t="shared" si="10"/>
        <v>798</v>
      </c>
      <c r="E325" s="7">
        <f t="shared" si="11"/>
        <v>2.6486109728168873E-2</v>
      </c>
      <c r="H325" s="8"/>
      <c r="S325" s="8"/>
    </row>
    <row r="326" spans="1:19">
      <c r="A326" s="6">
        <v>327</v>
      </c>
      <c r="B326" s="6">
        <v>30127</v>
      </c>
      <c r="C326" s="6">
        <v>29304</v>
      </c>
      <c r="D326" s="6">
        <f t="shared" si="10"/>
        <v>823</v>
      </c>
      <c r="E326" s="7">
        <f t="shared" si="11"/>
        <v>2.7317688452218939E-2</v>
      </c>
      <c r="H326" s="8"/>
      <c r="S326" s="8"/>
    </row>
    <row r="327" spans="1:19">
      <c r="A327" s="6">
        <v>328</v>
      </c>
      <c r="B327" s="6">
        <v>30113</v>
      </c>
      <c r="C327" s="6">
        <v>29798</v>
      </c>
      <c r="D327" s="6">
        <f t="shared" si="10"/>
        <v>315</v>
      </c>
      <c r="E327" s="7">
        <f t="shared" si="11"/>
        <v>1.04605984126457E-2</v>
      </c>
      <c r="H327" s="8"/>
      <c r="S327" s="8"/>
    </row>
    <row r="328" spans="1:19">
      <c r="A328" s="6">
        <v>329</v>
      </c>
      <c r="B328" s="6">
        <v>30111</v>
      </c>
      <c r="C328" s="6">
        <v>30118</v>
      </c>
      <c r="D328" s="6">
        <f t="shared" si="10"/>
        <v>-7</v>
      </c>
      <c r="E328" s="7">
        <f t="shared" si="11"/>
        <v>-2.3247318255786921E-4</v>
      </c>
      <c r="H328" s="8"/>
      <c r="S328" s="8"/>
    </row>
    <row r="329" spans="1:19">
      <c r="A329" s="6">
        <v>330</v>
      </c>
      <c r="B329" s="6">
        <v>30145</v>
      </c>
      <c r="C329" s="6">
        <v>30172</v>
      </c>
      <c r="D329" s="6">
        <f t="shared" si="10"/>
        <v>-27</v>
      </c>
      <c r="E329" s="7">
        <f t="shared" si="11"/>
        <v>-8.9567092386797149E-4</v>
      </c>
      <c r="H329" s="8"/>
      <c r="S329" s="8"/>
    </row>
    <row r="330" spans="1:19">
      <c r="A330" s="6">
        <v>331</v>
      </c>
      <c r="B330" s="6">
        <v>30120</v>
      </c>
      <c r="C330" s="6">
        <v>30114</v>
      </c>
      <c r="D330" s="6">
        <f t="shared" si="10"/>
        <v>6</v>
      </c>
      <c r="E330" s="7">
        <f t="shared" si="11"/>
        <v>1.9920318725099602E-4</v>
      </c>
      <c r="H330" s="8"/>
      <c r="S330" s="8"/>
    </row>
    <row r="331" spans="1:19">
      <c r="A331" s="6">
        <v>332</v>
      </c>
      <c r="B331" s="6">
        <v>30111</v>
      </c>
      <c r="C331" s="6">
        <v>30106</v>
      </c>
      <c r="D331" s="6">
        <f t="shared" si="10"/>
        <v>5</v>
      </c>
      <c r="E331" s="7">
        <f t="shared" si="11"/>
        <v>1.6605227325562088E-4</v>
      </c>
      <c r="H331" s="8"/>
      <c r="S331" s="8"/>
    </row>
    <row r="332" spans="1:19">
      <c r="A332" s="6">
        <v>333</v>
      </c>
      <c r="B332" s="6">
        <v>30108</v>
      </c>
      <c r="C332" s="6">
        <v>30129</v>
      </c>
      <c r="D332" s="6">
        <f t="shared" si="10"/>
        <v>-21</v>
      </c>
      <c r="E332" s="7">
        <f t="shared" si="11"/>
        <v>-6.9748903945795137E-4</v>
      </c>
      <c r="H332" s="8"/>
      <c r="S332" s="8"/>
    </row>
    <row r="333" spans="1:19">
      <c r="A333" s="6">
        <v>334</v>
      </c>
      <c r="B333" s="6">
        <v>30170</v>
      </c>
      <c r="C333" s="6">
        <v>30133</v>
      </c>
      <c r="D333" s="6">
        <f t="shared" si="10"/>
        <v>37</v>
      </c>
      <c r="E333" s="7">
        <f t="shared" si="11"/>
        <v>1.2263838249917136E-3</v>
      </c>
      <c r="H333" s="8"/>
      <c r="S333" s="8"/>
    </row>
    <row r="334" spans="1:19">
      <c r="A334" s="6">
        <v>335</v>
      </c>
      <c r="B334" s="6">
        <v>30149</v>
      </c>
      <c r="C334" s="6">
        <v>30106</v>
      </c>
      <c r="D334" s="6">
        <f t="shared" si="10"/>
        <v>43</v>
      </c>
      <c r="E334" s="7">
        <f t="shared" si="11"/>
        <v>1.4262496268532953E-3</v>
      </c>
      <c r="H334" s="8"/>
      <c r="S334" s="8"/>
    </row>
    <row r="335" spans="1:19">
      <c r="A335" s="6">
        <v>336</v>
      </c>
      <c r="B335" s="6">
        <v>30115</v>
      </c>
      <c r="C335" s="6">
        <v>30582</v>
      </c>
      <c r="D335" s="6">
        <f t="shared" si="10"/>
        <v>-467</v>
      </c>
      <c r="E335" s="7">
        <f t="shared" si="11"/>
        <v>-1.5507222314461232E-2</v>
      </c>
      <c r="H335" s="8"/>
      <c r="S335" s="8"/>
    </row>
    <row r="336" spans="1:19">
      <c r="A336" s="6">
        <v>337</v>
      </c>
      <c r="B336" s="6">
        <v>30141</v>
      </c>
      <c r="C336" s="6">
        <v>30981</v>
      </c>
      <c r="D336" s="6">
        <f t="shared" si="10"/>
        <v>-840</v>
      </c>
      <c r="E336" s="7">
        <f t="shared" si="11"/>
        <v>-2.786901562655519E-2</v>
      </c>
      <c r="H336" s="8"/>
      <c r="S336" s="8"/>
    </row>
    <row r="337" spans="1:19">
      <c r="A337" s="6">
        <v>338</v>
      </c>
      <c r="B337" s="6">
        <v>30152</v>
      </c>
      <c r="C337" s="6">
        <v>30963</v>
      </c>
      <c r="D337" s="6">
        <f t="shared" si="10"/>
        <v>-811</v>
      </c>
      <c r="E337" s="7">
        <f t="shared" si="11"/>
        <v>-2.6897054921729901E-2</v>
      </c>
      <c r="H337" s="8"/>
      <c r="S337" s="8"/>
    </row>
    <row r="338" spans="1:19">
      <c r="A338" s="6">
        <v>339</v>
      </c>
      <c r="B338" s="6">
        <v>30121</v>
      </c>
      <c r="C338" s="6">
        <v>31006</v>
      </c>
      <c r="D338" s="6">
        <f t="shared" si="10"/>
        <v>-885</v>
      </c>
      <c r="E338" s="7">
        <f t="shared" si="11"/>
        <v>-2.9381494638292222E-2</v>
      </c>
      <c r="H338" s="8"/>
      <c r="S338" s="8"/>
    </row>
    <row r="339" spans="1:19">
      <c r="A339" s="6">
        <v>340</v>
      </c>
      <c r="B339" s="6">
        <v>30113</v>
      </c>
      <c r="C339" s="6">
        <v>30947</v>
      </c>
      <c r="D339" s="6">
        <f t="shared" si="10"/>
        <v>-834</v>
      </c>
      <c r="E339" s="7">
        <f t="shared" si="11"/>
        <v>-2.7695679606814332E-2</v>
      </c>
      <c r="H339" s="8"/>
      <c r="S339" s="8"/>
    </row>
    <row r="340" spans="1:19">
      <c r="A340" s="6">
        <v>341</v>
      </c>
      <c r="B340" s="6">
        <v>30129</v>
      </c>
      <c r="C340" s="6">
        <v>30966</v>
      </c>
      <c r="D340" s="6">
        <f t="shared" si="10"/>
        <v>-837</v>
      </c>
      <c r="E340" s="7">
        <f t="shared" si="11"/>
        <v>-2.7780543662252317E-2</v>
      </c>
      <c r="H340" s="8"/>
      <c r="S340" s="8"/>
    </row>
    <row r="341" spans="1:19">
      <c r="A341" s="6">
        <v>342</v>
      </c>
      <c r="B341" s="6">
        <v>30159</v>
      </c>
      <c r="C341" s="6">
        <v>30959</v>
      </c>
      <c r="D341" s="6">
        <f t="shared" si="10"/>
        <v>-800</v>
      </c>
      <c r="E341" s="7">
        <f t="shared" si="11"/>
        <v>-2.6526078450877018E-2</v>
      </c>
      <c r="H341" s="8"/>
      <c r="S341" s="8"/>
    </row>
    <row r="342" spans="1:19">
      <c r="A342" s="6">
        <v>343</v>
      </c>
      <c r="B342" s="6">
        <v>30150</v>
      </c>
      <c r="C342" s="6">
        <v>30951</v>
      </c>
      <c r="D342" s="6">
        <f t="shared" si="10"/>
        <v>-801</v>
      </c>
      <c r="E342" s="7">
        <f t="shared" si="11"/>
        <v>-2.6567164179104479E-2</v>
      </c>
      <c r="H342" s="8"/>
      <c r="S342" s="8"/>
    </row>
    <row r="343" spans="1:19">
      <c r="A343" s="6">
        <v>344</v>
      </c>
      <c r="B343" s="6">
        <v>30102</v>
      </c>
      <c r="C343" s="6">
        <v>31400</v>
      </c>
      <c r="D343" s="6">
        <f t="shared" si="10"/>
        <v>-1298</v>
      </c>
      <c r="E343" s="7">
        <f t="shared" si="11"/>
        <v>-4.3120058467875887E-2</v>
      </c>
      <c r="H343" s="8"/>
      <c r="S343" s="8"/>
    </row>
    <row r="344" spans="1:19">
      <c r="A344" s="6">
        <v>345</v>
      </c>
      <c r="B344" s="6">
        <v>30164</v>
      </c>
      <c r="C344" s="6">
        <v>31774</v>
      </c>
      <c r="D344" s="6">
        <f t="shared" si="10"/>
        <v>-1610</v>
      </c>
      <c r="E344" s="7">
        <f t="shared" si="11"/>
        <v>-5.3374883967643547E-2</v>
      </c>
      <c r="H344" s="8"/>
      <c r="S344" s="8"/>
    </row>
    <row r="345" spans="1:19">
      <c r="A345" s="6">
        <v>346</v>
      </c>
      <c r="B345" s="6">
        <v>30467</v>
      </c>
      <c r="C345" s="6">
        <v>31776</v>
      </c>
      <c r="D345" s="6">
        <f t="shared" si="10"/>
        <v>-1309</v>
      </c>
      <c r="E345" s="7">
        <f t="shared" si="11"/>
        <v>-4.2964518987757244E-2</v>
      </c>
      <c r="H345" s="8"/>
      <c r="S345" s="8"/>
    </row>
    <row r="346" spans="1:19">
      <c r="A346" s="6">
        <v>347</v>
      </c>
      <c r="B346" s="6">
        <v>30121</v>
      </c>
      <c r="C346" s="6">
        <v>31831</v>
      </c>
      <c r="D346" s="6">
        <f t="shared" si="10"/>
        <v>-1710</v>
      </c>
      <c r="E346" s="7">
        <f t="shared" si="11"/>
        <v>-5.6771023538395138E-2</v>
      </c>
      <c r="H346" s="8"/>
      <c r="S346" s="8"/>
    </row>
    <row r="347" spans="1:19">
      <c r="A347" s="6">
        <v>348</v>
      </c>
      <c r="B347" s="6">
        <v>30114</v>
      </c>
      <c r="C347" s="6">
        <v>31795</v>
      </c>
      <c r="D347" s="6">
        <f t="shared" si="10"/>
        <v>-1681</v>
      </c>
      <c r="E347" s="7">
        <f t="shared" si="11"/>
        <v>-5.5821212724978413E-2</v>
      </c>
      <c r="H347" s="8"/>
      <c r="S347" s="8"/>
    </row>
    <row r="348" spans="1:19">
      <c r="A348" s="6">
        <v>349</v>
      </c>
      <c r="B348" s="6">
        <v>30910</v>
      </c>
      <c r="C348" s="6">
        <v>31789</v>
      </c>
      <c r="D348" s="6">
        <f t="shared" si="10"/>
        <v>-879</v>
      </c>
      <c r="E348" s="7">
        <f t="shared" si="11"/>
        <v>-2.8437398900032353E-2</v>
      </c>
      <c r="H348" s="8"/>
      <c r="S348" s="8"/>
    </row>
    <row r="349" spans="1:19">
      <c r="A349" s="6">
        <v>350</v>
      </c>
      <c r="B349" s="6">
        <v>30110</v>
      </c>
      <c r="C349" s="6">
        <v>31788</v>
      </c>
      <c r="D349" s="6">
        <f t="shared" si="10"/>
        <v>-1678</v>
      </c>
      <c r="E349" s="7">
        <f t="shared" si="11"/>
        <v>-5.5728993689804052E-2</v>
      </c>
      <c r="H349" s="8"/>
      <c r="S349" s="8"/>
    </row>
    <row r="350" spans="1:19">
      <c r="A350" s="6">
        <v>351</v>
      </c>
      <c r="B350" s="6">
        <v>30525</v>
      </c>
      <c r="C350" s="6">
        <v>31816</v>
      </c>
      <c r="D350" s="6">
        <f t="shared" si="10"/>
        <v>-1291</v>
      </c>
      <c r="E350" s="7">
        <f t="shared" si="11"/>
        <v>-4.2293202293202291E-2</v>
      </c>
      <c r="H350" s="8"/>
      <c r="S350" s="8"/>
    </row>
    <row r="351" spans="1:19">
      <c r="A351" s="6">
        <v>352</v>
      </c>
      <c r="B351" s="6">
        <v>30556</v>
      </c>
      <c r="C351" s="6">
        <v>32223</v>
      </c>
      <c r="D351" s="6">
        <f t="shared" si="10"/>
        <v>-1667</v>
      </c>
      <c r="E351" s="7">
        <f t="shared" si="11"/>
        <v>-5.4555570100798534E-2</v>
      </c>
      <c r="H351" s="8"/>
      <c r="S351" s="8"/>
    </row>
    <row r="352" spans="1:19">
      <c r="A352" s="6">
        <v>353</v>
      </c>
      <c r="B352" s="6">
        <v>30996</v>
      </c>
      <c r="C352" s="6">
        <v>32638</v>
      </c>
      <c r="D352" s="6">
        <f t="shared" si="10"/>
        <v>-1642</v>
      </c>
      <c r="E352" s="7">
        <f t="shared" si="11"/>
        <v>-5.2974577364821265E-2</v>
      </c>
      <c r="H352" s="8"/>
      <c r="S352" s="8"/>
    </row>
    <row r="353" spans="1:19">
      <c r="A353" s="6">
        <v>354</v>
      </c>
      <c r="B353" s="6">
        <v>30956</v>
      </c>
      <c r="C353" s="6">
        <v>32646</v>
      </c>
      <c r="D353" s="6">
        <f t="shared" si="10"/>
        <v>-1690</v>
      </c>
      <c r="E353" s="7">
        <f t="shared" si="11"/>
        <v>-5.459361674634966E-2</v>
      </c>
      <c r="H353" s="8"/>
      <c r="S353" s="8"/>
    </row>
    <row r="354" spans="1:19">
      <c r="A354" s="6">
        <v>355</v>
      </c>
      <c r="B354" s="6">
        <v>30972</v>
      </c>
      <c r="C354" s="6">
        <v>32633</v>
      </c>
      <c r="D354" s="6">
        <f t="shared" si="10"/>
        <v>-1661</v>
      </c>
      <c r="E354" s="7">
        <f t="shared" si="11"/>
        <v>-5.3629084334237374E-2</v>
      </c>
      <c r="H354" s="8"/>
      <c r="S354" s="8"/>
    </row>
    <row r="355" spans="1:19">
      <c r="A355" s="6">
        <v>356</v>
      </c>
      <c r="B355" s="6">
        <v>30966</v>
      </c>
      <c r="C355" s="6">
        <v>32670</v>
      </c>
      <c r="D355" s="6">
        <f t="shared" si="10"/>
        <v>-1704</v>
      </c>
      <c r="E355" s="7">
        <f t="shared" si="11"/>
        <v>-5.5028095330362334E-2</v>
      </c>
      <c r="H355" s="8"/>
      <c r="S355" s="8"/>
    </row>
    <row r="356" spans="1:19">
      <c r="A356" s="6">
        <v>357</v>
      </c>
      <c r="B356" s="6">
        <v>30956</v>
      </c>
      <c r="C356" s="6">
        <v>32629</v>
      </c>
      <c r="D356" s="6">
        <f t="shared" si="10"/>
        <v>-1673</v>
      </c>
      <c r="E356" s="7">
        <f t="shared" si="11"/>
        <v>-5.404445018736271E-2</v>
      </c>
      <c r="H356" s="8"/>
      <c r="S356" s="8"/>
    </row>
    <row r="357" spans="1:19">
      <c r="A357" s="6">
        <v>358</v>
      </c>
      <c r="B357" s="6">
        <v>30977</v>
      </c>
      <c r="C357" s="6">
        <v>32629</v>
      </c>
      <c r="D357" s="6">
        <f t="shared" si="10"/>
        <v>-1652</v>
      </c>
      <c r="E357" s="7">
        <f t="shared" si="11"/>
        <v>-5.3329889918326503E-2</v>
      </c>
      <c r="H357" s="8"/>
      <c r="S357" s="8"/>
    </row>
    <row r="358" spans="1:19">
      <c r="A358" s="6">
        <v>359</v>
      </c>
      <c r="B358" s="6">
        <v>30987</v>
      </c>
      <c r="C358" s="6">
        <v>32667</v>
      </c>
      <c r="D358" s="6">
        <f t="shared" si="10"/>
        <v>-1680</v>
      </c>
      <c r="E358" s="7">
        <f t="shared" si="11"/>
        <v>-5.4216284248233132E-2</v>
      </c>
      <c r="H358" s="8"/>
      <c r="S358" s="8"/>
    </row>
    <row r="359" spans="1:19">
      <c r="A359" s="6">
        <v>360</v>
      </c>
      <c r="B359" s="6">
        <v>30977</v>
      </c>
      <c r="C359" s="6">
        <v>33342</v>
      </c>
      <c r="D359" s="6">
        <f t="shared" si="10"/>
        <v>-2365</v>
      </c>
      <c r="E359" s="7">
        <f t="shared" si="11"/>
        <v>-7.6346967104626018E-2</v>
      </c>
      <c r="H359" s="8"/>
      <c r="S359" s="8"/>
    </row>
    <row r="360" spans="1:19">
      <c r="A360" s="6">
        <v>361</v>
      </c>
      <c r="B360" s="6">
        <v>31016</v>
      </c>
      <c r="C360" s="6">
        <v>33486</v>
      </c>
      <c r="D360" s="6">
        <f t="shared" si="10"/>
        <v>-2470</v>
      </c>
      <c r="E360" s="7">
        <f t="shared" si="11"/>
        <v>-7.963631673974722E-2</v>
      </c>
      <c r="H360" s="8"/>
      <c r="S360" s="8"/>
    </row>
    <row r="361" spans="1:19">
      <c r="A361" s="6">
        <v>362</v>
      </c>
      <c r="B361" s="6">
        <v>30961</v>
      </c>
      <c r="C361" s="6">
        <v>33500</v>
      </c>
      <c r="D361" s="6">
        <f t="shared" si="10"/>
        <v>-2539</v>
      </c>
      <c r="E361" s="7">
        <f t="shared" si="11"/>
        <v>-8.200639514227577E-2</v>
      </c>
      <c r="H361" s="8"/>
      <c r="S361" s="8"/>
    </row>
    <row r="362" spans="1:19">
      <c r="A362" s="6">
        <v>363</v>
      </c>
      <c r="B362" s="6">
        <v>30969</v>
      </c>
      <c r="C362" s="6">
        <v>33459</v>
      </c>
      <c r="D362" s="6">
        <f t="shared" si="10"/>
        <v>-2490</v>
      </c>
      <c r="E362" s="7">
        <f t="shared" si="11"/>
        <v>-8.0402983628790087E-2</v>
      </c>
      <c r="H362" s="8"/>
      <c r="S362" s="8"/>
    </row>
    <row r="363" spans="1:19">
      <c r="A363" s="6">
        <v>364</v>
      </c>
      <c r="B363" s="6">
        <v>30957</v>
      </c>
      <c r="C363" s="6">
        <v>33456</v>
      </c>
      <c r="D363" s="6">
        <f t="shared" si="10"/>
        <v>-2499</v>
      </c>
      <c r="E363" s="7">
        <f t="shared" si="11"/>
        <v>-8.0724876441515644E-2</v>
      </c>
      <c r="H363" s="8"/>
      <c r="S363" s="8"/>
    </row>
    <row r="364" spans="1:19">
      <c r="A364" s="6">
        <v>365</v>
      </c>
      <c r="B364" s="6">
        <v>30950</v>
      </c>
      <c r="C364" s="6">
        <v>33813</v>
      </c>
      <c r="D364" s="6">
        <f t="shared" si="10"/>
        <v>-2863</v>
      </c>
      <c r="E364" s="7">
        <f t="shared" si="11"/>
        <v>-9.2504038772213248E-2</v>
      </c>
      <c r="H364" s="8"/>
      <c r="S364" s="8"/>
    </row>
    <row r="365" spans="1:19">
      <c r="A365" s="6">
        <v>366</v>
      </c>
      <c r="B365" s="6">
        <v>30980</v>
      </c>
      <c r="C365" s="6">
        <v>33482</v>
      </c>
      <c r="D365" s="6">
        <f t="shared" si="10"/>
        <v>-2502</v>
      </c>
      <c r="E365" s="7">
        <f t="shared" si="11"/>
        <v>-8.0761781794706264E-2</v>
      </c>
      <c r="H365" s="8"/>
      <c r="S365" s="8"/>
    </row>
    <row r="366" spans="1:19">
      <c r="A366" s="6">
        <v>367</v>
      </c>
      <c r="B366" s="6">
        <v>30962</v>
      </c>
      <c r="C366" s="6">
        <v>33501</v>
      </c>
      <c r="D366" s="6">
        <f t="shared" si="10"/>
        <v>-2539</v>
      </c>
      <c r="E366" s="7">
        <f t="shared" si="11"/>
        <v>-8.2003746528002061E-2</v>
      </c>
      <c r="H366" s="8"/>
      <c r="S366" s="8"/>
    </row>
    <row r="367" spans="1:19">
      <c r="A367" s="6">
        <v>368</v>
      </c>
      <c r="B367" s="6">
        <v>31410</v>
      </c>
      <c r="C367" s="6">
        <v>33891</v>
      </c>
      <c r="D367" s="6">
        <f t="shared" si="10"/>
        <v>-2481</v>
      </c>
      <c r="E367" s="7">
        <f t="shared" si="11"/>
        <v>-7.8987583572110789E-2</v>
      </c>
      <c r="H367" s="8"/>
      <c r="S367" s="8"/>
    </row>
    <row r="368" spans="1:19">
      <c r="A368" s="6">
        <v>369</v>
      </c>
      <c r="B368" s="6">
        <v>31390</v>
      </c>
      <c r="C368" s="6">
        <v>34307</v>
      </c>
      <c r="D368" s="6">
        <f t="shared" si="10"/>
        <v>-2917</v>
      </c>
      <c r="E368" s="7">
        <f t="shared" si="11"/>
        <v>-9.2927683975788461E-2</v>
      </c>
      <c r="H368" s="8"/>
      <c r="S368" s="8"/>
    </row>
    <row r="369" spans="1:19">
      <c r="A369" s="6">
        <v>370</v>
      </c>
      <c r="B369" s="6">
        <v>31373</v>
      </c>
      <c r="C369" s="6">
        <v>34303</v>
      </c>
      <c r="D369" s="6">
        <f t="shared" si="10"/>
        <v>-2930</v>
      </c>
      <c r="E369" s="7">
        <f t="shared" si="11"/>
        <v>-9.3392407484142417E-2</v>
      </c>
      <c r="H369" s="8"/>
      <c r="S369" s="8"/>
    </row>
    <row r="370" spans="1:19">
      <c r="A370" s="6">
        <v>371</v>
      </c>
      <c r="B370" s="6">
        <v>31386</v>
      </c>
      <c r="C370" s="6">
        <v>34312</v>
      </c>
      <c r="D370" s="6">
        <f t="shared" si="10"/>
        <v>-2926</v>
      </c>
      <c r="E370" s="7">
        <f t="shared" si="11"/>
        <v>-9.3226279232778944E-2</v>
      </c>
      <c r="H370" s="8"/>
      <c r="S370" s="8"/>
    </row>
    <row r="371" spans="1:19">
      <c r="A371" s="6">
        <v>372</v>
      </c>
      <c r="B371" s="6">
        <v>31372</v>
      </c>
      <c r="C371" s="6">
        <v>34284</v>
      </c>
      <c r="D371" s="6">
        <f t="shared" si="10"/>
        <v>-2912</v>
      </c>
      <c r="E371" s="7">
        <f t="shared" si="11"/>
        <v>-9.2821624378426629E-2</v>
      </c>
      <c r="H371" s="8"/>
      <c r="S371" s="8"/>
    </row>
    <row r="372" spans="1:19">
      <c r="A372" s="6">
        <v>373</v>
      </c>
      <c r="B372" s="6">
        <v>31375</v>
      </c>
      <c r="C372" s="6">
        <v>34298</v>
      </c>
      <c r="D372" s="6">
        <f t="shared" si="10"/>
        <v>-2923</v>
      </c>
      <c r="E372" s="7">
        <f t="shared" si="11"/>
        <v>-9.3163346613545819E-2</v>
      </c>
      <c r="H372" s="8"/>
      <c r="S372" s="8"/>
    </row>
    <row r="373" spans="1:19">
      <c r="A373" s="6">
        <v>374</v>
      </c>
      <c r="B373" s="6">
        <v>31367</v>
      </c>
      <c r="C373" s="6">
        <v>34305</v>
      </c>
      <c r="D373" s="6">
        <f t="shared" si="10"/>
        <v>-2938</v>
      </c>
      <c r="E373" s="7">
        <f t="shared" si="11"/>
        <v>-9.3665317052953737E-2</v>
      </c>
      <c r="H373" s="8"/>
      <c r="S373" s="8"/>
    </row>
    <row r="374" spans="1:19">
      <c r="A374" s="6">
        <v>375</v>
      </c>
      <c r="B374" s="6">
        <v>31388</v>
      </c>
      <c r="C374" s="6">
        <v>34285</v>
      </c>
      <c r="D374" s="6">
        <f t="shared" si="10"/>
        <v>-2897</v>
      </c>
      <c r="E374" s="7">
        <f t="shared" si="11"/>
        <v>-9.2296419013635778E-2</v>
      </c>
      <c r="H374" s="8"/>
      <c r="S374" s="8"/>
    </row>
    <row r="375" spans="1:19">
      <c r="A375" s="6">
        <v>376</v>
      </c>
      <c r="B375" s="6">
        <v>31376</v>
      </c>
      <c r="C375" s="6">
        <v>34750</v>
      </c>
      <c r="D375" s="6">
        <f t="shared" si="10"/>
        <v>-3374</v>
      </c>
      <c r="E375" s="7">
        <f t="shared" si="11"/>
        <v>-0.10753442121366649</v>
      </c>
      <c r="H375" s="8"/>
      <c r="S375" s="8"/>
    </row>
    <row r="376" spans="1:19">
      <c r="A376" s="6">
        <v>377</v>
      </c>
      <c r="B376" s="6">
        <v>31371</v>
      </c>
      <c r="C376" s="6">
        <v>35127</v>
      </c>
      <c r="D376" s="6">
        <f t="shared" si="10"/>
        <v>-3756</v>
      </c>
      <c r="E376" s="7">
        <f t="shared" si="11"/>
        <v>-0.11972841159032227</v>
      </c>
      <c r="H376" s="8"/>
      <c r="S376" s="8"/>
    </row>
    <row r="377" spans="1:19">
      <c r="A377" s="6">
        <v>378</v>
      </c>
      <c r="B377" s="6">
        <v>31407</v>
      </c>
      <c r="C377" s="6">
        <v>35174</v>
      </c>
      <c r="D377" s="6">
        <f t="shared" si="10"/>
        <v>-3767</v>
      </c>
      <c r="E377" s="7">
        <f t="shared" si="11"/>
        <v>-0.11994141433438406</v>
      </c>
      <c r="H377" s="8"/>
      <c r="S377" s="8"/>
    </row>
    <row r="378" spans="1:19">
      <c r="A378" s="6">
        <v>379</v>
      </c>
      <c r="B378" s="6">
        <v>31373</v>
      </c>
      <c r="C378" s="6">
        <v>35184</v>
      </c>
      <c r="D378" s="6">
        <f t="shared" si="10"/>
        <v>-3811</v>
      </c>
      <c r="E378" s="7">
        <f t="shared" si="11"/>
        <v>-0.12147387881299207</v>
      </c>
      <c r="H378" s="8"/>
      <c r="S378" s="8"/>
    </row>
    <row r="379" spans="1:19">
      <c r="A379" s="6">
        <v>380</v>
      </c>
      <c r="B379" s="6">
        <v>31364</v>
      </c>
      <c r="C379" s="6">
        <v>35135</v>
      </c>
      <c r="D379" s="6">
        <f t="shared" si="10"/>
        <v>-3771</v>
      </c>
      <c r="E379" s="7">
        <f t="shared" si="11"/>
        <v>-0.12023338859839307</v>
      </c>
      <c r="H379" s="8"/>
      <c r="S379" s="8"/>
    </row>
    <row r="380" spans="1:19">
      <c r="A380" s="6">
        <v>381</v>
      </c>
      <c r="B380" s="6">
        <v>31410</v>
      </c>
      <c r="C380" s="6">
        <v>35134</v>
      </c>
      <c r="D380" s="6">
        <f t="shared" si="10"/>
        <v>-3724</v>
      </c>
      <c r="E380" s="7">
        <f t="shared" si="11"/>
        <v>-0.11856096784463546</v>
      </c>
      <c r="H380" s="8"/>
      <c r="S380" s="8"/>
    </row>
    <row r="381" spans="1:19">
      <c r="A381" s="6">
        <v>382</v>
      </c>
      <c r="B381" s="6">
        <v>31376</v>
      </c>
      <c r="C381" s="6">
        <v>35170</v>
      </c>
      <c r="D381" s="6">
        <f t="shared" si="10"/>
        <v>-3794</v>
      </c>
      <c r="E381" s="7">
        <f t="shared" si="11"/>
        <v>-0.12092044875063743</v>
      </c>
      <c r="H381" s="8"/>
      <c r="S381" s="8"/>
    </row>
    <row r="382" spans="1:19">
      <c r="A382" s="6">
        <v>383</v>
      </c>
      <c r="B382" s="6">
        <v>31425</v>
      </c>
      <c r="C382" s="6">
        <v>35148</v>
      </c>
      <c r="D382" s="6">
        <f t="shared" si="10"/>
        <v>-3723</v>
      </c>
      <c r="E382" s="7">
        <f t="shared" si="11"/>
        <v>-0.11847255369928401</v>
      </c>
      <c r="H382" s="8"/>
      <c r="S382" s="8"/>
    </row>
    <row r="383" spans="1:19">
      <c r="A383" s="6">
        <v>384</v>
      </c>
      <c r="B383" s="6">
        <v>30553</v>
      </c>
      <c r="C383" s="6">
        <v>30560</v>
      </c>
      <c r="D383" s="6">
        <f t="shared" si="10"/>
        <v>-7</v>
      </c>
      <c r="E383" s="7">
        <f t="shared" si="11"/>
        <v>-2.2911007102412203E-4</v>
      </c>
      <c r="H383" s="8"/>
      <c r="S383" s="8"/>
    </row>
    <row r="384" spans="1:19">
      <c r="A384" s="6">
        <v>385</v>
      </c>
      <c r="B384" s="6">
        <v>33467</v>
      </c>
      <c r="C384" s="6">
        <v>32631</v>
      </c>
      <c r="D384" s="6">
        <f t="shared" si="10"/>
        <v>836</v>
      </c>
      <c r="E384" s="7">
        <f t="shared" si="11"/>
        <v>2.4979830878178504E-2</v>
      </c>
      <c r="H384" s="8"/>
      <c r="S384" s="8"/>
    </row>
    <row r="385" spans="1:19">
      <c r="A385" s="6">
        <v>386</v>
      </c>
      <c r="B385" s="6">
        <v>33472</v>
      </c>
      <c r="C385" s="6">
        <v>32685</v>
      </c>
      <c r="D385" s="6">
        <f t="shared" si="10"/>
        <v>787</v>
      </c>
      <c r="E385" s="7">
        <f t="shared" si="11"/>
        <v>2.351218929254302E-2</v>
      </c>
      <c r="H385" s="8"/>
      <c r="S385" s="8"/>
    </row>
    <row r="386" spans="1:19">
      <c r="A386" s="6">
        <v>387</v>
      </c>
      <c r="B386" s="6">
        <v>33466</v>
      </c>
      <c r="C386" s="6">
        <v>32644</v>
      </c>
      <c r="D386" s="6">
        <f t="shared" si="10"/>
        <v>822</v>
      </c>
      <c r="E386" s="7">
        <f t="shared" si="11"/>
        <v>2.4562242275742545E-2</v>
      </c>
      <c r="H386" s="8"/>
      <c r="S386" s="8"/>
    </row>
    <row r="387" spans="1:19">
      <c r="A387" s="6">
        <v>388</v>
      </c>
      <c r="B387" s="6">
        <v>33473</v>
      </c>
      <c r="C387" s="6">
        <v>32669</v>
      </c>
      <c r="D387" s="6">
        <f t="shared" si="10"/>
        <v>804</v>
      </c>
      <c r="E387" s="7">
        <f t="shared" si="11"/>
        <v>2.4019358886266544E-2</v>
      </c>
      <c r="H387" s="8"/>
      <c r="S387" s="8"/>
    </row>
    <row r="388" spans="1:19">
      <c r="A388" s="6">
        <v>389</v>
      </c>
      <c r="B388" s="6">
        <v>33462</v>
      </c>
      <c r="C388" s="6">
        <v>32683</v>
      </c>
      <c r="D388" s="6">
        <f t="shared" ref="D388:D451" si="12">B388-C388</f>
        <v>779</v>
      </c>
      <c r="E388" s="7">
        <f t="shared" ref="E388:E451" si="13">D388/B388</f>
        <v>2.3280138664754049E-2</v>
      </c>
      <c r="H388" s="8"/>
      <c r="S388" s="8"/>
    </row>
    <row r="389" spans="1:19">
      <c r="A389" s="6">
        <v>390</v>
      </c>
      <c r="B389" s="6">
        <v>33504</v>
      </c>
      <c r="C389" s="6">
        <v>32632</v>
      </c>
      <c r="D389" s="6">
        <f t="shared" si="12"/>
        <v>872</v>
      </c>
      <c r="E389" s="7">
        <f t="shared" si="13"/>
        <v>2.6026743075453676E-2</v>
      </c>
      <c r="H389" s="8"/>
      <c r="S389" s="8"/>
    </row>
    <row r="390" spans="1:19">
      <c r="A390" s="6">
        <v>391</v>
      </c>
      <c r="B390" s="6">
        <v>33514</v>
      </c>
      <c r="C390" s="6">
        <v>32680</v>
      </c>
      <c r="D390" s="6">
        <f t="shared" si="12"/>
        <v>834</v>
      </c>
      <c r="E390" s="7">
        <f t="shared" si="13"/>
        <v>2.4885122635316583E-2</v>
      </c>
      <c r="H390" s="8"/>
      <c r="S390" s="8"/>
    </row>
    <row r="391" spans="1:19">
      <c r="A391" s="6">
        <v>392</v>
      </c>
      <c r="B391" s="6">
        <v>33443</v>
      </c>
      <c r="C391" s="6">
        <v>33723</v>
      </c>
      <c r="D391" s="6">
        <f t="shared" si="12"/>
        <v>-280</v>
      </c>
      <c r="E391" s="7">
        <f t="shared" si="13"/>
        <v>-8.3724546242860982E-3</v>
      </c>
      <c r="H391" s="8"/>
      <c r="S391" s="8"/>
    </row>
    <row r="392" spans="1:19">
      <c r="A392" s="6">
        <v>393</v>
      </c>
      <c r="B392" s="6">
        <v>33463</v>
      </c>
      <c r="C392" s="6">
        <v>33453</v>
      </c>
      <c r="D392" s="6">
        <f t="shared" si="12"/>
        <v>10</v>
      </c>
      <c r="E392" s="7">
        <f t="shared" si="13"/>
        <v>2.9883752203926727E-4</v>
      </c>
      <c r="H392" s="8"/>
      <c r="S392" s="8"/>
    </row>
    <row r="393" spans="1:19">
      <c r="A393" s="6">
        <v>394</v>
      </c>
      <c r="B393" s="6">
        <v>33446</v>
      </c>
      <c r="C393" s="6">
        <v>33478</v>
      </c>
      <c r="D393" s="6">
        <f t="shared" si="12"/>
        <v>-32</v>
      </c>
      <c r="E393" s="7">
        <f t="shared" si="13"/>
        <v>-9.5676613047898109E-4</v>
      </c>
      <c r="H393" s="8"/>
      <c r="S393" s="8"/>
    </row>
    <row r="394" spans="1:19">
      <c r="A394" s="6">
        <v>395</v>
      </c>
      <c r="B394" s="6">
        <v>33481</v>
      </c>
      <c r="C394" s="6">
        <v>33450</v>
      </c>
      <c r="D394" s="6">
        <f t="shared" si="12"/>
        <v>31</v>
      </c>
      <c r="E394" s="7">
        <f t="shared" si="13"/>
        <v>9.2589827066097191E-4</v>
      </c>
      <c r="H394" s="8"/>
      <c r="S394" s="8"/>
    </row>
    <row r="395" spans="1:19">
      <c r="A395" s="6">
        <v>396</v>
      </c>
      <c r="B395" s="6">
        <v>33452</v>
      </c>
      <c r="C395" s="6">
        <v>33508</v>
      </c>
      <c r="D395" s="6">
        <f t="shared" si="12"/>
        <v>-56</v>
      </c>
      <c r="E395" s="7">
        <f t="shared" si="13"/>
        <v>-1.6740404161186178E-3</v>
      </c>
      <c r="H395" s="8"/>
      <c r="S395" s="8"/>
    </row>
    <row r="396" spans="1:19">
      <c r="A396" s="6">
        <v>397</v>
      </c>
      <c r="B396" s="6">
        <v>33541</v>
      </c>
      <c r="C396" s="6">
        <v>33440</v>
      </c>
      <c r="D396" s="6">
        <f t="shared" si="12"/>
        <v>101</v>
      </c>
      <c r="E396" s="7">
        <f t="shared" si="13"/>
        <v>3.0112399749560241E-3</v>
      </c>
      <c r="H396" s="8"/>
      <c r="S396" s="8"/>
    </row>
    <row r="397" spans="1:19">
      <c r="A397" s="6">
        <v>398</v>
      </c>
      <c r="B397" s="6">
        <v>33505</v>
      </c>
      <c r="C397" s="6">
        <v>33506</v>
      </c>
      <c r="D397" s="6">
        <f t="shared" si="12"/>
        <v>-1</v>
      </c>
      <c r="E397" s="7">
        <f t="shared" si="13"/>
        <v>-2.9846291598268916E-5</v>
      </c>
      <c r="H397" s="8"/>
      <c r="S397" s="8"/>
    </row>
    <row r="398" spans="1:19">
      <c r="A398" s="6">
        <v>399</v>
      </c>
      <c r="B398" s="6">
        <v>33487</v>
      </c>
      <c r="C398" s="6">
        <v>33458</v>
      </c>
      <c r="D398" s="6">
        <f t="shared" si="12"/>
        <v>29</v>
      </c>
      <c r="E398" s="7">
        <f t="shared" si="13"/>
        <v>8.6600770448233642E-4</v>
      </c>
      <c r="H398" s="8"/>
      <c r="S398" s="8"/>
    </row>
    <row r="399" spans="1:19">
      <c r="A399" s="6">
        <v>400</v>
      </c>
      <c r="B399" s="6">
        <v>33464</v>
      </c>
      <c r="C399" s="6">
        <v>33874</v>
      </c>
      <c r="D399" s="6">
        <f t="shared" si="12"/>
        <v>-410</v>
      </c>
      <c r="E399" s="7">
        <f t="shared" si="13"/>
        <v>-1.225197226870667E-2</v>
      </c>
      <c r="H399" s="8"/>
      <c r="S399" s="8"/>
    </row>
    <row r="400" spans="1:19">
      <c r="A400" s="6">
        <v>401</v>
      </c>
      <c r="B400" s="6">
        <v>33451</v>
      </c>
      <c r="C400" s="6">
        <v>34315</v>
      </c>
      <c r="D400" s="6">
        <f t="shared" si="12"/>
        <v>-864</v>
      </c>
      <c r="E400" s="7">
        <f t="shared" si="13"/>
        <v>-2.5828824250396103E-2</v>
      </c>
      <c r="H400" s="8"/>
      <c r="S400" s="8"/>
    </row>
    <row r="401" spans="1:19">
      <c r="A401" s="6">
        <v>402</v>
      </c>
      <c r="B401" s="6">
        <v>33502</v>
      </c>
      <c r="C401" s="6">
        <v>34307</v>
      </c>
      <c r="D401" s="6">
        <f t="shared" si="12"/>
        <v>-805</v>
      </c>
      <c r="E401" s="7">
        <f t="shared" si="13"/>
        <v>-2.4028416213957376E-2</v>
      </c>
      <c r="H401" s="8"/>
      <c r="S401" s="8"/>
    </row>
    <row r="402" spans="1:19">
      <c r="A402" s="6">
        <v>403</v>
      </c>
      <c r="B402" s="6">
        <v>33485</v>
      </c>
      <c r="C402" s="6">
        <v>34333</v>
      </c>
      <c r="D402" s="6">
        <f t="shared" si="12"/>
        <v>-848</v>
      </c>
      <c r="E402" s="7">
        <f t="shared" si="13"/>
        <v>-2.5324772286098252E-2</v>
      </c>
      <c r="H402" s="8"/>
      <c r="S402" s="8"/>
    </row>
    <row r="403" spans="1:19">
      <c r="A403" s="6">
        <v>404</v>
      </c>
      <c r="B403" s="6">
        <v>33749</v>
      </c>
      <c r="C403" s="6">
        <v>34302</v>
      </c>
      <c r="D403" s="6">
        <f t="shared" si="12"/>
        <v>-553</v>
      </c>
      <c r="E403" s="7">
        <f t="shared" si="13"/>
        <v>-1.6385670686538862E-2</v>
      </c>
      <c r="H403" s="8"/>
      <c r="S403" s="8"/>
    </row>
    <row r="404" spans="1:19">
      <c r="A404" s="6">
        <v>405</v>
      </c>
      <c r="B404" s="6">
        <v>33457</v>
      </c>
      <c r="C404" s="6">
        <v>34308</v>
      </c>
      <c r="D404" s="6">
        <f t="shared" si="12"/>
        <v>-851</v>
      </c>
      <c r="E404" s="7">
        <f t="shared" si="13"/>
        <v>-2.5435633798607169E-2</v>
      </c>
      <c r="H404" s="8"/>
      <c r="S404" s="8"/>
    </row>
    <row r="405" spans="1:19">
      <c r="A405" s="6">
        <v>406</v>
      </c>
      <c r="B405" s="6">
        <v>33441</v>
      </c>
      <c r="C405" s="6">
        <v>34403</v>
      </c>
      <c r="D405" s="6">
        <f t="shared" si="12"/>
        <v>-962</v>
      </c>
      <c r="E405" s="7">
        <f t="shared" si="13"/>
        <v>-2.8767082324093179E-2</v>
      </c>
      <c r="H405" s="8"/>
      <c r="S405" s="8"/>
    </row>
    <row r="406" spans="1:19">
      <c r="A406" s="6">
        <v>407</v>
      </c>
      <c r="B406" s="6">
        <v>33469</v>
      </c>
      <c r="C406" s="6">
        <v>34331</v>
      </c>
      <c r="D406" s="6">
        <f t="shared" si="12"/>
        <v>-862</v>
      </c>
      <c r="E406" s="7">
        <f t="shared" si="13"/>
        <v>-2.5755176431922076E-2</v>
      </c>
      <c r="H406" s="8"/>
      <c r="S406" s="8"/>
    </row>
    <row r="407" spans="1:19">
      <c r="A407" s="6">
        <v>408</v>
      </c>
      <c r="B407" s="6">
        <v>33465</v>
      </c>
      <c r="C407" s="6">
        <v>34767</v>
      </c>
      <c r="D407" s="6">
        <f t="shared" si="12"/>
        <v>-1302</v>
      </c>
      <c r="E407" s="7">
        <f t="shared" si="13"/>
        <v>-3.8906320035858359E-2</v>
      </c>
      <c r="H407" s="8"/>
      <c r="S407" s="8"/>
    </row>
    <row r="408" spans="1:19">
      <c r="A408" s="6">
        <v>409</v>
      </c>
      <c r="B408" s="6">
        <v>33450</v>
      </c>
      <c r="C408" s="6">
        <v>35158</v>
      </c>
      <c r="D408" s="6">
        <f t="shared" si="12"/>
        <v>-1708</v>
      </c>
      <c r="E408" s="7">
        <f t="shared" si="13"/>
        <v>-5.1061285500747386E-2</v>
      </c>
      <c r="H408" s="8"/>
      <c r="S408" s="8"/>
    </row>
    <row r="409" spans="1:19">
      <c r="A409" s="6">
        <v>410</v>
      </c>
      <c r="B409" s="6">
        <v>33477</v>
      </c>
      <c r="C409" s="6">
        <v>35160</v>
      </c>
      <c r="D409" s="6">
        <f t="shared" si="12"/>
        <v>-1683</v>
      </c>
      <c r="E409" s="7">
        <f t="shared" si="13"/>
        <v>-5.0273321982256473E-2</v>
      </c>
      <c r="H409" s="8"/>
      <c r="S409" s="8"/>
    </row>
    <row r="410" spans="1:19">
      <c r="A410" s="6">
        <v>411</v>
      </c>
      <c r="B410" s="6">
        <v>33496</v>
      </c>
      <c r="C410" s="6">
        <v>35118</v>
      </c>
      <c r="D410" s="6">
        <f t="shared" si="12"/>
        <v>-1622</v>
      </c>
      <c r="E410" s="7">
        <f t="shared" si="13"/>
        <v>-4.8423692381179842E-2</v>
      </c>
      <c r="H410" s="8"/>
      <c r="S410" s="8"/>
    </row>
    <row r="411" spans="1:19">
      <c r="A411" s="6">
        <v>412</v>
      </c>
      <c r="B411" s="6">
        <v>33475</v>
      </c>
      <c r="C411" s="6">
        <v>35153</v>
      </c>
      <c r="D411" s="6">
        <f t="shared" si="12"/>
        <v>-1678</v>
      </c>
      <c r="E411" s="7">
        <f t="shared" si="13"/>
        <v>-5.0126960418222552E-2</v>
      </c>
      <c r="H411" s="8"/>
      <c r="S411" s="8"/>
    </row>
    <row r="412" spans="1:19">
      <c r="A412" s="6">
        <v>413</v>
      </c>
      <c r="B412" s="6">
        <v>33486</v>
      </c>
      <c r="C412" s="6">
        <v>35123</v>
      </c>
      <c r="D412" s="6">
        <f t="shared" si="12"/>
        <v>-1637</v>
      </c>
      <c r="E412" s="7">
        <f t="shared" si="13"/>
        <v>-4.8886101654422746E-2</v>
      </c>
      <c r="H412" s="8"/>
      <c r="S412" s="8"/>
    </row>
    <row r="413" spans="1:19">
      <c r="A413" s="6">
        <v>414</v>
      </c>
      <c r="B413" s="6">
        <v>33466</v>
      </c>
      <c r="C413" s="6">
        <v>35172</v>
      </c>
      <c r="D413" s="6">
        <f t="shared" si="12"/>
        <v>-1706</v>
      </c>
      <c r="E413" s="7">
        <f t="shared" si="13"/>
        <v>-5.0977111097830631E-2</v>
      </c>
      <c r="H413" s="8"/>
      <c r="S413" s="8"/>
    </row>
    <row r="414" spans="1:19">
      <c r="A414" s="6">
        <v>415</v>
      </c>
      <c r="B414" s="6">
        <v>33905</v>
      </c>
      <c r="C414" s="6">
        <v>35190</v>
      </c>
      <c r="D414" s="6">
        <f t="shared" si="12"/>
        <v>-1285</v>
      </c>
      <c r="E414" s="7">
        <f t="shared" si="13"/>
        <v>-3.790001474708745E-2</v>
      </c>
      <c r="H414" s="8"/>
      <c r="S414" s="8"/>
    </row>
    <row r="415" spans="1:19">
      <c r="A415" s="6">
        <v>416</v>
      </c>
      <c r="B415" s="6">
        <v>33891</v>
      </c>
      <c r="C415" s="6">
        <v>35572</v>
      </c>
      <c r="D415" s="6">
        <f t="shared" si="12"/>
        <v>-1681</v>
      </c>
      <c r="E415" s="7">
        <f t="shared" si="13"/>
        <v>-4.960018884069517E-2</v>
      </c>
      <c r="H415" s="8"/>
      <c r="S415" s="8"/>
    </row>
    <row r="416" spans="1:19">
      <c r="A416" s="6">
        <v>417</v>
      </c>
      <c r="B416" s="6">
        <v>34312</v>
      </c>
      <c r="C416" s="6">
        <v>35994</v>
      </c>
      <c r="D416" s="6">
        <f t="shared" si="12"/>
        <v>-1682</v>
      </c>
      <c r="E416" s="7">
        <f t="shared" si="13"/>
        <v>-4.902075075775239E-2</v>
      </c>
      <c r="H416" s="8"/>
      <c r="S416" s="8"/>
    </row>
    <row r="417" spans="1:19">
      <c r="A417" s="6">
        <v>418</v>
      </c>
      <c r="B417" s="6">
        <v>34291</v>
      </c>
      <c r="C417" s="6">
        <v>36005</v>
      </c>
      <c r="D417" s="6">
        <f t="shared" si="12"/>
        <v>-1714</v>
      </c>
      <c r="E417" s="7">
        <f t="shared" si="13"/>
        <v>-4.99839608060424E-2</v>
      </c>
      <c r="H417" s="8"/>
      <c r="S417" s="8"/>
    </row>
    <row r="418" spans="1:19">
      <c r="A418" s="6">
        <v>419</v>
      </c>
      <c r="B418" s="6">
        <v>34298</v>
      </c>
      <c r="C418" s="6">
        <v>36012</v>
      </c>
      <c r="D418" s="6">
        <f t="shared" si="12"/>
        <v>-1714</v>
      </c>
      <c r="E418" s="7">
        <f t="shared" si="13"/>
        <v>-4.9973759402880631E-2</v>
      </c>
      <c r="H418" s="8"/>
      <c r="S418" s="8"/>
    </row>
    <row r="419" spans="1:19">
      <c r="A419" s="6">
        <v>420</v>
      </c>
      <c r="B419" s="6">
        <v>34351</v>
      </c>
      <c r="C419" s="6">
        <v>36143</v>
      </c>
      <c r="D419" s="6">
        <f t="shared" si="12"/>
        <v>-1792</v>
      </c>
      <c r="E419" s="7">
        <f t="shared" si="13"/>
        <v>-5.216733137317691E-2</v>
      </c>
      <c r="H419" s="8"/>
      <c r="S419" s="8"/>
    </row>
    <row r="420" spans="1:19">
      <c r="A420" s="6">
        <v>421</v>
      </c>
      <c r="B420" s="6">
        <v>34292</v>
      </c>
      <c r="C420" s="6">
        <v>35961</v>
      </c>
      <c r="D420" s="6">
        <f t="shared" si="12"/>
        <v>-1669</v>
      </c>
      <c r="E420" s="7">
        <f t="shared" si="13"/>
        <v>-4.8670243788638747E-2</v>
      </c>
      <c r="H420" s="8"/>
      <c r="S420" s="8"/>
    </row>
    <row r="421" spans="1:19">
      <c r="A421" s="6">
        <v>422</v>
      </c>
      <c r="B421" s="6">
        <v>34345</v>
      </c>
      <c r="C421" s="6">
        <v>36017</v>
      </c>
      <c r="D421" s="6">
        <f t="shared" si="12"/>
        <v>-1672</v>
      </c>
      <c r="E421" s="7">
        <f t="shared" si="13"/>
        <v>-4.8682486533702142E-2</v>
      </c>
      <c r="H421" s="8"/>
      <c r="S421" s="8"/>
    </row>
    <row r="422" spans="1:19">
      <c r="A422" s="6">
        <v>423</v>
      </c>
      <c r="B422" s="6">
        <v>34283</v>
      </c>
      <c r="C422" s="6">
        <v>35976</v>
      </c>
      <c r="D422" s="6">
        <f t="shared" si="12"/>
        <v>-1693</v>
      </c>
      <c r="E422" s="7">
        <f t="shared" si="13"/>
        <v>-4.9383076160196014E-2</v>
      </c>
      <c r="H422" s="8"/>
      <c r="S422" s="8"/>
    </row>
    <row r="423" spans="1:19">
      <c r="A423" s="6">
        <v>424</v>
      </c>
      <c r="B423" s="6">
        <v>34304</v>
      </c>
      <c r="C423" s="6">
        <v>36396</v>
      </c>
      <c r="D423" s="6">
        <f t="shared" si="12"/>
        <v>-2092</v>
      </c>
      <c r="E423" s="7">
        <f t="shared" si="13"/>
        <v>-6.0984141791044777E-2</v>
      </c>
      <c r="H423" s="8"/>
      <c r="S423" s="8"/>
    </row>
    <row r="424" spans="1:19">
      <c r="A424" s="6">
        <v>425</v>
      </c>
      <c r="B424" s="6">
        <v>34291</v>
      </c>
      <c r="C424" s="6">
        <v>36803</v>
      </c>
      <c r="D424" s="6">
        <f t="shared" si="12"/>
        <v>-2512</v>
      </c>
      <c r="E424" s="7">
        <f t="shared" si="13"/>
        <v>-7.3255373129975793E-2</v>
      </c>
      <c r="H424" s="8"/>
      <c r="S424" s="8"/>
    </row>
    <row r="425" spans="1:19">
      <c r="A425" s="6">
        <v>426</v>
      </c>
      <c r="B425" s="6">
        <v>34899</v>
      </c>
      <c r="C425" s="6">
        <v>36787</v>
      </c>
      <c r="D425" s="6">
        <f t="shared" si="12"/>
        <v>-1888</v>
      </c>
      <c r="E425" s="7">
        <f t="shared" si="13"/>
        <v>-5.4098971317229717E-2</v>
      </c>
      <c r="H425" s="8"/>
      <c r="S425" s="8"/>
    </row>
    <row r="426" spans="1:19">
      <c r="A426" s="6">
        <v>427</v>
      </c>
      <c r="B426" s="6">
        <v>34297</v>
      </c>
      <c r="C426" s="6">
        <v>36805</v>
      </c>
      <c r="D426" s="6">
        <f t="shared" si="12"/>
        <v>-2508</v>
      </c>
      <c r="E426" s="7">
        <f t="shared" si="13"/>
        <v>-7.3125929381578567E-2</v>
      </c>
      <c r="H426" s="8"/>
      <c r="S426" s="8"/>
    </row>
    <row r="427" spans="1:19">
      <c r="A427" s="6">
        <v>428</v>
      </c>
      <c r="B427" s="6">
        <v>34336</v>
      </c>
      <c r="C427" s="6">
        <v>36792</v>
      </c>
      <c r="D427" s="6">
        <f t="shared" si="12"/>
        <v>-2456</v>
      </c>
      <c r="E427" s="7">
        <f t="shared" si="13"/>
        <v>-7.1528424976700838E-2</v>
      </c>
      <c r="H427" s="8"/>
      <c r="S427" s="8"/>
    </row>
    <row r="428" spans="1:19">
      <c r="A428" s="6">
        <v>429</v>
      </c>
      <c r="B428" s="6">
        <v>34325</v>
      </c>
      <c r="C428" s="6">
        <v>36810</v>
      </c>
      <c r="D428" s="6">
        <f t="shared" si="12"/>
        <v>-2485</v>
      </c>
      <c r="E428" s="7">
        <f t="shared" si="13"/>
        <v>-7.2396212672978882E-2</v>
      </c>
      <c r="H428" s="8"/>
      <c r="S428" s="8"/>
    </row>
    <row r="429" spans="1:19">
      <c r="A429" s="6">
        <v>430</v>
      </c>
      <c r="B429" s="6">
        <v>34312</v>
      </c>
      <c r="C429" s="6">
        <v>36843</v>
      </c>
      <c r="D429" s="6">
        <f t="shared" si="12"/>
        <v>-2531</v>
      </c>
      <c r="E429" s="7">
        <f t="shared" si="13"/>
        <v>-7.376428071811611E-2</v>
      </c>
      <c r="H429" s="8"/>
      <c r="S429" s="8"/>
    </row>
    <row r="430" spans="1:19">
      <c r="A430" s="6">
        <v>431</v>
      </c>
      <c r="B430" s="6">
        <v>34299</v>
      </c>
      <c r="C430" s="6">
        <v>36808</v>
      </c>
      <c r="D430" s="6">
        <f t="shared" si="12"/>
        <v>-2509</v>
      </c>
      <c r="E430" s="7">
        <f t="shared" si="13"/>
        <v>-7.3150820723636253E-2</v>
      </c>
      <c r="H430" s="8"/>
      <c r="S430" s="8"/>
    </row>
    <row r="431" spans="1:19">
      <c r="A431" s="6">
        <v>432</v>
      </c>
      <c r="B431" s="6">
        <v>34754</v>
      </c>
      <c r="C431" s="6">
        <v>37220</v>
      </c>
      <c r="D431" s="6">
        <f t="shared" si="12"/>
        <v>-2466</v>
      </c>
      <c r="E431" s="7">
        <f t="shared" si="13"/>
        <v>-7.0955861195833567E-2</v>
      </c>
      <c r="H431" s="8"/>
      <c r="S431" s="8"/>
    </row>
    <row r="432" spans="1:19">
      <c r="A432" s="6">
        <v>433</v>
      </c>
      <c r="B432" s="6">
        <v>34711</v>
      </c>
      <c r="C432" s="6">
        <v>37656</v>
      </c>
      <c r="D432" s="6">
        <f t="shared" si="12"/>
        <v>-2945</v>
      </c>
      <c r="E432" s="7">
        <f t="shared" si="13"/>
        <v>-8.4843421393794471E-2</v>
      </c>
      <c r="H432" s="8"/>
      <c r="S432" s="8"/>
    </row>
    <row r="433" spans="1:19">
      <c r="A433" s="6">
        <v>434</v>
      </c>
      <c r="B433" s="6">
        <v>34703</v>
      </c>
      <c r="C433" s="6">
        <v>37618</v>
      </c>
      <c r="D433" s="6">
        <f t="shared" si="12"/>
        <v>-2915</v>
      </c>
      <c r="E433" s="7">
        <f t="shared" si="13"/>
        <v>-8.3998501570469411E-2</v>
      </c>
      <c r="H433" s="8"/>
      <c r="S433" s="8"/>
    </row>
    <row r="434" spans="1:19">
      <c r="A434" s="6">
        <v>435</v>
      </c>
      <c r="B434" s="6">
        <v>34743</v>
      </c>
      <c r="C434" s="6">
        <v>37673</v>
      </c>
      <c r="D434" s="6">
        <f t="shared" si="12"/>
        <v>-2930</v>
      </c>
      <c r="E434" s="7">
        <f t="shared" si="13"/>
        <v>-8.4333534812768035E-2</v>
      </c>
      <c r="H434" s="8"/>
      <c r="S434" s="8"/>
    </row>
    <row r="435" spans="1:19">
      <c r="A435" s="6">
        <v>436</v>
      </c>
      <c r="B435" s="6">
        <v>34742</v>
      </c>
      <c r="C435" s="6">
        <v>37682</v>
      </c>
      <c r="D435" s="6">
        <f t="shared" si="12"/>
        <v>-2940</v>
      </c>
      <c r="E435" s="7">
        <f t="shared" si="13"/>
        <v>-8.4623798284497148E-2</v>
      </c>
      <c r="H435" s="8"/>
      <c r="S435" s="8"/>
    </row>
    <row r="436" spans="1:19">
      <c r="A436" s="6">
        <v>437</v>
      </c>
      <c r="B436" s="6">
        <v>34716</v>
      </c>
      <c r="C436" s="6">
        <v>37644</v>
      </c>
      <c r="D436" s="6">
        <f t="shared" si="12"/>
        <v>-2928</v>
      </c>
      <c r="E436" s="7">
        <f t="shared" si="13"/>
        <v>-8.434151399930867E-2</v>
      </c>
      <c r="H436" s="8"/>
      <c r="S436" s="8"/>
    </row>
    <row r="437" spans="1:19">
      <c r="A437" s="6">
        <v>438</v>
      </c>
      <c r="B437" s="6">
        <v>34705</v>
      </c>
      <c r="C437" s="6">
        <v>37665</v>
      </c>
      <c r="D437" s="6">
        <f t="shared" si="12"/>
        <v>-2960</v>
      </c>
      <c r="E437" s="7">
        <f t="shared" si="13"/>
        <v>-8.5290303990779429E-2</v>
      </c>
      <c r="H437" s="8"/>
      <c r="S437" s="8"/>
    </row>
    <row r="438" spans="1:19">
      <c r="A438" s="6">
        <v>439</v>
      </c>
      <c r="B438" s="6">
        <v>34766</v>
      </c>
      <c r="C438" s="6">
        <v>37683</v>
      </c>
      <c r="D438" s="6">
        <f t="shared" si="12"/>
        <v>-2917</v>
      </c>
      <c r="E438" s="7">
        <f t="shared" si="13"/>
        <v>-8.390381407121901E-2</v>
      </c>
      <c r="H438" s="8"/>
      <c r="S438" s="8"/>
    </row>
    <row r="439" spans="1:19">
      <c r="A439" s="6">
        <v>440</v>
      </c>
      <c r="B439" s="6">
        <v>34721</v>
      </c>
      <c r="C439" s="6">
        <v>38065</v>
      </c>
      <c r="D439" s="6">
        <f t="shared" si="12"/>
        <v>-3344</v>
      </c>
      <c r="E439" s="7">
        <f t="shared" si="13"/>
        <v>-9.6310590132772669E-2</v>
      </c>
      <c r="H439" s="8"/>
      <c r="S439" s="8"/>
    </row>
    <row r="440" spans="1:19">
      <c r="A440" s="6">
        <v>441</v>
      </c>
      <c r="B440" s="6">
        <v>34719</v>
      </c>
      <c r="C440" s="6">
        <v>38471</v>
      </c>
      <c r="D440" s="6">
        <f t="shared" si="12"/>
        <v>-3752</v>
      </c>
      <c r="E440" s="7">
        <f t="shared" si="13"/>
        <v>-0.10806762867594112</v>
      </c>
      <c r="H440" s="8"/>
      <c r="S440" s="8"/>
    </row>
    <row r="441" spans="1:19">
      <c r="A441" s="6">
        <v>442</v>
      </c>
      <c r="B441" s="6">
        <v>34713</v>
      </c>
      <c r="C441" s="6">
        <v>38522</v>
      </c>
      <c r="D441" s="6">
        <f t="shared" si="12"/>
        <v>-3809</v>
      </c>
      <c r="E441" s="7">
        <f t="shared" si="13"/>
        <v>-0.10972834384812606</v>
      </c>
      <c r="H441" s="8"/>
      <c r="S441" s="8"/>
    </row>
    <row r="442" spans="1:19">
      <c r="A442" s="6">
        <v>443</v>
      </c>
      <c r="B442" s="6">
        <v>34758</v>
      </c>
      <c r="C442" s="6">
        <v>38467</v>
      </c>
      <c r="D442" s="6">
        <f t="shared" si="12"/>
        <v>-3709</v>
      </c>
      <c r="E442" s="7">
        <f t="shared" si="13"/>
        <v>-0.10670924679210542</v>
      </c>
      <c r="H442" s="8"/>
      <c r="S442" s="8"/>
    </row>
    <row r="443" spans="1:19">
      <c r="A443" s="6">
        <v>444</v>
      </c>
      <c r="B443" s="6">
        <v>34717</v>
      </c>
      <c r="C443" s="6">
        <v>38482</v>
      </c>
      <c r="D443" s="6">
        <f t="shared" si="12"/>
        <v>-3765</v>
      </c>
      <c r="E443" s="7">
        <f t="shared" si="13"/>
        <v>-0.10844831062591814</v>
      </c>
      <c r="H443" s="8"/>
      <c r="S443" s="8"/>
    </row>
    <row r="444" spans="1:19">
      <c r="A444" s="6">
        <v>445</v>
      </c>
      <c r="B444" s="6">
        <v>34738</v>
      </c>
      <c r="C444" s="6">
        <v>38488</v>
      </c>
      <c r="D444" s="6">
        <f t="shared" si="12"/>
        <v>-3750</v>
      </c>
      <c r="E444" s="7">
        <f t="shared" si="13"/>
        <v>-0.10795094708964247</v>
      </c>
      <c r="H444" s="8"/>
      <c r="S444" s="8"/>
    </row>
    <row r="445" spans="1:19">
      <c r="A445" s="6">
        <v>446</v>
      </c>
      <c r="B445" s="6">
        <v>34757</v>
      </c>
      <c r="C445" s="6">
        <v>38475</v>
      </c>
      <c r="D445" s="6">
        <f t="shared" si="12"/>
        <v>-3718</v>
      </c>
      <c r="E445" s="7">
        <f t="shared" si="13"/>
        <v>-0.10697125758839945</v>
      </c>
      <c r="H445" s="8"/>
      <c r="S445" s="8"/>
    </row>
    <row r="446" spans="1:19">
      <c r="A446" s="6">
        <v>447</v>
      </c>
      <c r="B446" s="6">
        <v>34728</v>
      </c>
      <c r="C446" s="6">
        <v>38466</v>
      </c>
      <c r="D446" s="6">
        <f t="shared" si="12"/>
        <v>-3738</v>
      </c>
      <c r="E446" s="7">
        <f t="shared" si="13"/>
        <v>-0.10763648928818245</v>
      </c>
      <c r="H446" s="8"/>
      <c r="S446" s="8"/>
    </row>
    <row r="447" spans="1:19">
      <c r="A447" s="6">
        <v>448</v>
      </c>
      <c r="B447" s="6">
        <v>33922</v>
      </c>
      <c r="C447" s="6">
        <v>33887</v>
      </c>
      <c r="D447" s="6">
        <f t="shared" si="12"/>
        <v>35</v>
      </c>
      <c r="E447" s="7">
        <f t="shared" si="13"/>
        <v>1.0317787866281469E-3</v>
      </c>
      <c r="H447" s="8"/>
      <c r="S447" s="8"/>
    </row>
    <row r="448" spans="1:19">
      <c r="A448" s="6">
        <v>449</v>
      </c>
      <c r="B448" s="6">
        <v>36783</v>
      </c>
      <c r="C448" s="6">
        <v>36015</v>
      </c>
      <c r="D448" s="6">
        <f t="shared" si="12"/>
        <v>768</v>
      </c>
      <c r="E448" s="7">
        <f t="shared" si="13"/>
        <v>2.0879210504852787E-2</v>
      </c>
      <c r="H448" s="8"/>
      <c r="S448" s="8"/>
    </row>
    <row r="449" spans="1:19">
      <c r="A449" s="6">
        <v>450</v>
      </c>
      <c r="B449" s="6">
        <v>36787</v>
      </c>
      <c r="C449" s="6">
        <v>35957</v>
      </c>
      <c r="D449" s="6">
        <f t="shared" si="12"/>
        <v>830</v>
      </c>
      <c r="E449" s="7">
        <f t="shared" si="13"/>
        <v>2.2562318210237312E-2</v>
      </c>
      <c r="H449" s="8"/>
      <c r="S449" s="8"/>
    </row>
    <row r="450" spans="1:19">
      <c r="A450" s="6">
        <v>451</v>
      </c>
      <c r="B450" s="6">
        <v>36800</v>
      </c>
      <c r="C450" s="6">
        <v>36004</v>
      </c>
      <c r="D450" s="6">
        <f t="shared" si="12"/>
        <v>796</v>
      </c>
      <c r="E450" s="7">
        <f t="shared" si="13"/>
        <v>2.1630434782608697E-2</v>
      </c>
      <c r="H450" s="8"/>
      <c r="S450" s="8"/>
    </row>
    <row r="451" spans="1:19">
      <c r="A451" s="6">
        <v>452</v>
      </c>
      <c r="B451" s="6">
        <v>36804</v>
      </c>
      <c r="C451" s="6">
        <v>36020</v>
      </c>
      <c r="D451" s="6">
        <f t="shared" si="12"/>
        <v>784</v>
      </c>
      <c r="E451" s="7">
        <f t="shared" si="13"/>
        <v>2.1302032387783935E-2</v>
      </c>
      <c r="H451" s="8"/>
      <c r="S451" s="8"/>
    </row>
    <row r="452" spans="1:19">
      <c r="A452" s="6">
        <v>453</v>
      </c>
      <c r="B452" s="6">
        <v>36789</v>
      </c>
      <c r="C452" s="6">
        <v>35982</v>
      </c>
      <c r="D452" s="6">
        <f t="shared" ref="D452:D515" si="14">B452-C452</f>
        <v>807</v>
      </c>
      <c r="E452" s="7">
        <f t="shared" ref="E452:E515" si="15">D452/B452</f>
        <v>2.1935904754138466E-2</v>
      </c>
      <c r="H452" s="8"/>
      <c r="S452" s="8"/>
    </row>
    <row r="453" spans="1:19">
      <c r="A453" s="6">
        <v>454</v>
      </c>
      <c r="B453" s="6">
        <v>36800</v>
      </c>
      <c r="C453" s="6">
        <v>35958</v>
      </c>
      <c r="D453" s="6">
        <f t="shared" si="14"/>
        <v>842</v>
      </c>
      <c r="E453" s="7">
        <f t="shared" si="15"/>
        <v>2.2880434782608695E-2</v>
      </c>
      <c r="H453" s="8"/>
      <c r="S453" s="8"/>
    </row>
    <row r="454" spans="1:19">
      <c r="A454" s="6">
        <v>455</v>
      </c>
      <c r="B454" s="6">
        <v>36811</v>
      </c>
      <c r="C454" s="6">
        <v>36004</v>
      </c>
      <c r="D454" s="6">
        <f t="shared" si="14"/>
        <v>807</v>
      </c>
      <c r="E454" s="7">
        <f t="shared" si="15"/>
        <v>2.1922794816766726E-2</v>
      </c>
      <c r="H454" s="8"/>
      <c r="S454" s="8"/>
    </row>
    <row r="455" spans="1:19">
      <c r="A455" s="6">
        <v>456</v>
      </c>
      <c r="B455" s="6">
        <v>36800</v>
      </c>
      <c r="C455" s="6">
        <v>36402</v>
      </c>
      <c r="D455" s="6">
        <f t="shared" si="14"/>
        <v>398</v>
      </c>
      <c r="E455" s="7">
        <f t="shared" si="15"/>
        <v>1.0815217391304349E-2</v>
      </c>
      <c r="H455" s="8"/>
      <c r="S455" s="8"/>
    </row>
    <row r="456" spans="1:19">
      <c r="A456" s="6">
        <v>457</v>
      </c>
      <c r="B456" s="6">
        <v>36844</v>
      </c>
      <c r="C456" s="6">
        <v>37317</v>
      </c>
      <c r="D456" s="6">
        <f t="shared" si="14"/>
        <v>-473</v>
      </c>
      <c r="E456" s="7">
        <f t="shared" si="15"/>
        <v>-1.2837911193138639E-2</v>
      </c>
      <c r="H456" s="8"/>
      <c r="S456" s="8"/>
    </row>
    <row r="457" spans="1:19">
      <c r="A457" s="6">
        <v>458</v>
      </c>
      <c r="B457" s="6">
        <v>36801</v>
      </c>
      <c r="C457" s="6">
        <v>36791</v>
      </c>
      <c r="D457" s="6">
        <f t="shared" si="14"/>
        <v>10</v>
      </c>
      <c r="E457" s="7">
        <f t="shared" si="15"/>
        <v>2.7173174641993426E-4</v>
      </c>
      <c r="H457" s="8"/>
      <c r="S457" s="8"/>
    </row>
    <row r="458" spans="1:19">
      <c r="A458" s="6">
        <v>459</v>
      </c>
      <c r="B458" s="6">
        <v>36808</v>
      </c>
      <c r="C458" s="6">
        <v>36810</v>
      </c>
      <c r="D458" s="6">
        <f t="shared" si="14"/>
        <v>-2</v>
      </c>
      <c r="E458" s="7">
        <f t="shared" si="15"/>
        <v>-5.4336013910019562E-5</v>
      </c>
      <c r="H458" s="8"/>
      <c r="S458" s="8"/>
    </row>
    <row r="459" spans="1:19">
      <c r="A459" s="6">
        <v>460</v>
      </c>
      <c r="B459" s="6">
        <v>36806</v>
      </c>
      <c r="C459" s="6">
        <v>36804</v>
      </c>
      <c r="D459" s="6">
        <f t="shared" si="14"/>
        <v>2</v>
      </c>
      <c r="E459" s="7">
        <f t="shared" si="15"/>
        <v>5.4338966472857684E-5</v>
      </c>
      <c r="H459" s="8"/>
      <c r="S459" s="8"/>
    </row>
    <row r="460" spans="1:19">
      <c r="A460" s="6">
        <v>461</v>
      </c>
      <c r="B460" s="6">
        <v>36811</v>
      </c>
      <c r="C460" s="6">
        <v>36812</v>
      </c>
      <c r="D460" s="6">
        <f t="shared" si="14"/>
        <v>-1</v>
      </c>
      <c r="E460" s="7">
        <f t="shared" si="15"/>
        <v>-2.7165792833663852E-5</v>
      </c>
      <c r="H460" s="8"/>
      <c r="S460" s="8"/>
    </row>
    <row r="461" spans="1:19">
      <c r="A461" s="6">
        <v>462</v>
      </c>
      <c r="B461" s="6">
        <v>36818</v>
      </c>
      <c r="C461" s="6">
        <v>36839</v>
      </c>
      <c r="D461" s="6">
        <f t="shared" si="14"/>
        <v>-21</v>
      </c>
      <c r="E461" s="7">
        <f t="shared" si="15"/>
        <v>-5.703731870280841E-4</v>
      </c>
      <c r="H461" s="8"/>
      <c r="S461" s="8"/>
    </row>
    <row r="462" spans="1:19">
      <c r="A462" s="6">
        <v>463</v>
      </c>
      <c r="B462" s="6">
        <v>36814</v>
      </c>
      <c r="C462" s="6">
        <v>36808</v>
      </c>
      <c r="D462" s="6">
        <f t="shared" si="14"/>
        <v>6</v>
      </c>
      <c r="E462" s="7">
        <f t="shared" si="15"/>
        <v>1.629814744390721E-4</v>
      </c>
      <c r="H462" s="8"/>
      <c r="S462" s="8"/>
    </row>
    <row r="463" spans="1:19">
      <c r="A463" s="6">
        <v>464</v>
      </c>
      <c r="B463" s="6">
        <v>36814</v>
      </c>
      <c r="C463" s="6">
        <v>37228</v>
      </c>
      <c r="D463" s="6">
        <f t="shared" si="14"/>
        <v>-414</v>
      </c>
      <c r="E463" s="7">
        <f t="shared" si="15"/>
        <v>-1.1245721736295974E-2</v>
      </c>
      <c r="H463" s="8"/>
      <c r="S463" s="8"/>
    </row>
    <row r="464" spans="1:19">
      <c r="A464" s="6">
        <v>465</v>
      </c>
      <c r="B464" s="6">
        <v>36846</v>
      </c>
      <c r="C464" s="6">
        <v>37637</v>
      </c>
      <c r="D464" s="6">
        <f t="shared" si="14"/>
        <v>-791</v>
      </c>
      <c r="E464" s="7">
        <f t="shared" si="15"/>
        <v>-2.1467730554198556E-2</v>
      </c>
      <c r="H464" s="8"/>
      <c r="S464" s="8"/>
    </row>
    <row r="465" spans="1:19">
      <c r="A465" s="6">
        <v>466</v>
      </c>
      <c r="B465" s="6">
        <v>36839</v>
      </c>
      <c r="C465" s="6">
        <v>37622</v>
      </c>
      <c r="D465" s="6">
        <f t="shared" si="14"/>
        <v>-783</v>
      </c>
      <c r="E465" s="7">
        <f t="shared" si="15"/>
        <v>-2.1254648606096799E-2</v>
      </c>
      <c r="H465" s="8"/>
      <c r="S465" s="8"/>
    </row>
    <row r="466" spans="1:19">
      <c r="A466" s="6">
        <v>467</v>
      </c>
      <c r="B466" s="6">
        <v>36796</v>
      </c>
      <c r="C466" s="6">
        <v>37677</v>
      </c>
      <c r="D466" s="6">
        <f t="shared" si="14"/>
        <v>-881</v>
      </c>
      <c r="E466" s="7">
        <f t="shared" si="15"/>
        <v>-2.3942819871725189E-2</v>
      </c>
      <c r="H466" s="8"/>
      <c r="S466" s="8"/>
    </row>
    <row r="467" spans="1:19">
      <c r="A467" s="6">
        <v>468</v>
      </c>
      <c r="B467" s="6">
        <v>36807</v>
      </c>
      <c r="C467" s="6">
        <v>37644</v>
      </c>
      <c r="D467" s="6">
        <f t="shared" si="14"/>
        <v>-837</v>
      </c>
      <c r="E467" s="7">
        <f t="shared" si="15"/>
        <v>-2.2740239628331566E-2</v>
      </c>
      <c r="H467" s="8"/>
      <c r="S467" s="8"/>
    </row>
    <row r="468" spans="1:19">
      <c r="A468" s="6">
        <v>469</v>
      </c>
      <c r="B468" s="6">
        <v>36795</v>
      </c>
      <c r="C468" s="6">
        <v>37682</v>
      </c>
      <c r="D468" s="6">
        <f t="shared" si="14"/>
        <v>-887</v>
      </c>
      <c r="E468" s="7">
        <f t="shared" si="15"/>
        <v>-2.4106536214159532E-2</v>
      </c>
      <c r="H468" s="8"/>
      <c r="S468" s="8"/>
    </row>
    <row r="469" spans="1:19">
      <c r="A469" s="6">
        <v>470</v>
      </c>
      <c r="B469" s="6">
        <v>36808</v>
      </c>
      <c r="C469" s="6">
        <v>37658</v>
      </c>
      <c r="D469" s="6">
        <f t="shared" si="14"/>
        <v>-850</v>
      </c>
      <c r="E469" s="7">
        <f t="shared" si="15"/>
        <v>-2.3092805911758312E-2</v>
      </c>
      <c r="H469" s="8"/>
      <c r="S469" s="8"/>
    </row>
    <row r="470" spans="1:19">
      <c r="A470" s="6">
        <v>471</v>
      </c>
      <c r="B470" s="6">
        <v>36830</v>
      </c>
      <c r="C470" s="6">
        <v>37679</v>
      </c>
      <c r="D470" s="6">
        <f t="shared" si="14"/>
        <v>-849</v>
      </c>
      <c r="E470" s="7">
        <f t="shared" si="15"/>
        <v>-2.3051859896823242E-2</v>
      </c>
      <c r="H470" s="8"/>
      <c r="S470" s="8"/>
    </row>
    <row r="471" spans="1:19">
      <c r="A471" s="6">
        <v>472</v>
      </c>
      <c r="B471" s="6">
        <v>36796</v>
      </c>
      <c r="C471" s="6">
        <v>38082</v>
      </c>
      <c r="D471" s="6">
        <f t="shared" si="14"/>
        <v>-1286</v>
      </c>
      <c r="E471" s="7">
        <f t="shared" si="15"/>
        <v>-3.4949451027285576E-2</v>
      </c>
      <c r="H471" s="8"/>
      <c r="S471" s="8"/>
    </row>
    <row r="472" spans="1:19">
      <c r="A472" s="6">
        <v>473</v>
      </c>
      <c r="B472" s="6">
        <v>36800</v>
      </c>
      <c r="C472" s="6">
        <v>38464</v>
      </c>
      <c r="D472" s="6">
        <f t="shared" si="14"/>
        <v>-1664</v>
      </c>
      <c r="E472" s="7">
        <f t="shared" si="15"/>
        <v>-4.5217391304347827E-2</v>
      </c>
      <c r="H472" s="8"/>
      <c r="S472" s="8"/>
    </row>
    <row r="473" spans="1:19">
      <c r="A473" s="6">
        <v>474</v>
      </c>
      <c r="B473" s="6">
        <v>36925</v>
      </c>
      <c r="C473" s="6">
        <v>38487</v>
      </c>
      <c r="D473" s="6">
        <f t="shared" si="14"/>
        <v>-1562</v>
      </c>
      <c r="E473" s="7">
        <f t="shared" si="15"/>
        <v>-4.2301963439404199E-2</v>
      </c>
      <c r="H473" s="8"/>
      <c r="S473" s="8"/>
    </row>
    <row r="474" spans="1:19">
      <c r="A474" s="6">
        <v>475</v>
      </c>
      <c r="B474" s="6">
        <v>36796</v>
      </c>
      <c r="C474" s="6">
        <v>38472</v>
      </c>
      <c r="D474" s="6">
        <f t="shared" si="14"/>
        <v>-1676</v>
      </c>
      <c r="E474" s="7">
        <f t="shared" si="15"/>
        <v>-4.5548429177084467E-2</v>
      </c>
      <c r="H474" s="8"/>
      <c r="S474" s="8"/>
    </row>
    <row r="475" spans="1:19">
      <c r="A475" s="6">
        <v>476</v>
      </c>
      <c r="B475" s="6">
        <v>36793</v>
      </c>
      <c r="C475" s="6">
        <v>38514</v>
      </c>
      <c r="D475" s="6">
        <f t="shared" si="14"/>
        <v>-1721</v>
      </c>
      <c r="E475" s="7">
        <f t="shared" si="15"/>
        <v>-4.6775201804691108E-2</v>
      </c>
      <c r="H475" s="8"/>
      <c r="S475" s="8"/>
    </row>
    <row r="476" spans="1:19">
      <c r="A476" s="6">
        <v>477</v>
      </c>
      <c r="B476" s="6">
        <v>36845</v>
      </c>
      <c r="C476" s="6">
        <v>38453</v>
      </c>
      <c r="D476" s="6">
        <f t="shared" si="14"/>
        <v>-1608</v>
      </c>
      <c r="E476" s="7">
        <f t="shared" si="15"/>
        <v>-4.3642285249016151E-2</v>
      </c>
      <c r="H476" s="8"/>
      <c r="S476" s="8"/>
    </row>
    <row r="477" spans="1:19">
      <c r="A477" s="6">
        <v>478</v>
      </c>
      <c r="B477" s="6">
        <v>36832</v>
      </c>
      <c r="C477" s="6">
        <v>38479</v>
      </c>
      <c r="D477" s="6">
        <f t="shared" si="14"/>
        <v>-1647</v>
      </c>
      <c r="E477" s="7">
        <f t="shared" si="15"/>
        <v>-4.4716550825369246E-2</v>
      </c>
      <c r="H477" s="8"/>
      <c r="S477" s="8"/>
    </row>
    <row r="478" spans="1:19">
      <c r="A478" s="6">
        <v>479</v>
      </c>
      <c r="B478" s="6">
        <v>37270</v>
      </c>
      <c r="C478" s="6">
        <v>38471</v>
      </c>
      <c r="D478" s="6">
        <f t="shared" si="14"/>
        <v>-1201</v>
      </c>
      <c r="E478" s="7">
        <f t="shared" si="15"/>
        <v>-3.2224309095787496E-2</v>
      </c>
      <c r="H478" s="8"/>
      <c r="S478" s="8"/>
    </row>
    <row r="479" spans="1:19">
      <c r="A479" s="6">
        <v>480</v>
      </c>
      <c r="B479" s="6">
        <v>37257</v>
      </c>
      <c r="C479" s="6">
        <v>38896</v>
      </c>
      <c r="D479" s="6">
        <f t="shared" si="14"/>
        <v>-1639</v>
      </c>
      <c r="E479" s="7">
        <f t="shared" si="15"/>
        <v>-4.399173309713611E-2</v>
      </c>
      <c r="H479" s="8"/>
      <c r="S479" s="8"/>
    </row>
    <row r="480" spans="1:19">
      <c r="A480" s="6">
        <v>481</v>
      </c>
      <c r="B480" s="6">
        <v>37674</v>
      </c>
      <c r="C480" s="6">
        <v>39309</v>
      </c>
      <c r="D480" s="6">
        <f t="shared" si="14"/>
        <v>-1635</v>
      </c>
      <c r="E480" s="7">
        <f t="shared" si="15"/>
        <v>-4.3398630355152096E-2</v>
      </c>
      <c r="H480" s="8"/>
      <c r="S480" s="8"/>
    </row>
    <row r="481" spans="1:19">
      <c r="A481" s="6">
        <v>482</v>
      </c>
      <c r="B481" s="6">
        <v>37629</v>
      </c>
      <c r="C481" s="6">
        <v>39301</v>
      </c>
      <c r="D481" s="6">
        <f t="shared" si="14"/>
        <v>-1672</v>
      </c>
      <c r="E481" s="7">
        <f t="shared" si="15"/>
        <v>-4.4433814345318769E-2</v>
      </c>
      <c r="H481" s="8"/>
      <c r="S481" s="8"/>
    </row>
    <row r="482" spans="1:19">
      <c r="A482" s="6">
        <v>483</v>
      </c>
      <c r="B482" s="6">
        <v>37630</v>
      </c>
      <c r="C482" s="6">
        <v>39313</v>
      </c>
      <c r="D482" s="6">
        <f t="shared" si="14"/>
        <v>-1683</v>
      </c>
      <c r="E482" s="7">
        <f t="shared" si="15"/>
        <v>-4.4724953494552216E-2</v>
      </c>
      <c r="H482" s="8"/>
      <c r="S482" s="8"/>
    </row>
    <row r="483" spans="1:19">
      <c r="A483" s="6">
        <v>484</v>
      </c>
      <c r="B483" s="6">
        <v>37676</v>
      </c>
      <c r="C483" s="6">
        <v>39298</v>
      </c>
      <c r="D483" s="6">
        <f t="shared" si="14"/>
        <v>-1622</v>
      </c>
      <c r="E483" s="7">
        <f t="shared" si="15"/>
        <v>-4.3051279329015819E-2</v>
      </c>
      <c r="H483" s="8"/>
      <c r="S483" s="8"/>
    </row>
    <row r="484" spans="1:19">
      <c r="A484" s="6">
        <v>485</v>
      </c>
      <c r="B484" s="6">
        <v>37636</v>
      </c>
      <c r="C484" s="6">
        <v>39324</v>
      </c>
      <c r="D484" s="6">
        <f t="shared" si="14"/>
        <v>-1688</v>
      </c>
      <c r="E484" s="7">
        <f t="shared" si="15"/>
        <v>-4.4850674885747691E-2</v>
      </c>
      <c r="H484" s="8"/>
      <c r="S484" s="8"/>
    </row>
    <row r="485" spans="1:19">
      <c r="A485" s="6">
        <v>486</v>
      </c>
      <c r="B485" s="6">
        <v>37628</v>
      </c>
      <c r="C485" s="6">
        <v>39339</v>
      </c>
      <c r="D485" s="6">
        <f t="shared" si="14"/>
        <v>-1711</v>
      </c>
      <c r="E485" s="7">
        <f t="shared" si="15"/>
        <v>-4.5471457425321569E-2</v>
      </c>
      <c r="H485" s="8"/>
      <c r="S485" s="8"/>
    </row>
    <row r="486" spans="1:19">
      <c r="A486" s="6">
        <v>487</v>
      </c>
      <c r="B486" s="6">
        <v>37669</v>
      </c>
      <c r="C486" s="6">
        <v>39309</v>
      </c>
      <c r="D486" s="6">
        <f t="shared" si="14"/>
        <v>-1640</v>
      </c>
      <c r="E486" s="7">
        <f t="shared" si="15"/>
        <v>-4.3537126018742205E-2</v>
      </c>
      <c r="H486" s="8"/>
      <c r="S486" s="8"/>
    </row>
    <row r="487" spans="1:19">
      <c r="A487" s="6">
        <v>488</v>
      </c>
      <c r="B487" s="6">
        <v>38385</v>
      </c>
      <c r="C487" s="6">
        <v>39756</v>
      </c>
      <c r="D487" s="6">
        <f t="shared" si="14"/>
        <v>-1371</v>
      </c>
      <c r="E487" s="7">
        <f t="shared" si="15"/>
        <v>-3.5717076983196559E-2</v>
      </c>
      <c r="H487" s="8"/>
      <c r="S487" s="8"/>
    </row>
    <row r="488" spans="1:19">
      <c r="A488" s="6">
        <v>489</v>
      </c>
      <c r="B488" s="6">
        <v>37641</v>
      </c>
      <c r="C488" s="6">
        <v>40126</v>
      </c>
      <c r="D488" s="6">
        <f t="shared" si="14"/>
        <v>-2485</v>
      </c>
      <c r="E488" s="7">
        <f t="shared" si="15"/>
        <v>-6.6018437342259775E-2</v>
      </c>
      <c r="H488" s="8"/>
      <c r="S488" s="8"/>
    </row>
    <row r="489" spans="1:19">
      <c r="A489" s="6">
        <v>490</v>
      </c>
      <c r="B489" s="6">
        <v>37666</v>
      </c>
      <c r="C489" s="6">
        <v>40126</v>
      </c>
      <c r="D489" s="6">
        <f t="shared" si="14"/>
        <v>-2460</v>
      </c>
      <c r="E489" s="7">
        <f t="shared" si="15"/>
        <v>-6.5310890458238194E-2</v>
      </c>
      <c r="H489" s="8"/>
      <c r="S489" s="8"/>
    </row>
    <row r="490" spans="1:19">
      <c r="A490" s="6">
        <v>491</v>
      </c>
      <c r="B490" s="6">
        <v>37689</v>
      </c>
      <c r="C490" s="6">
        <v>40129</v>
      </c>
      <c r="D490" s="6">
        <f t="shared" si="14"/>
        <v>-2440</v>
      </c>
      <c r="E490" s="7">
        <f t="shared" si="15"/>
        <v>-6.4740375175780726E-2</v>
      </c>
      <c r="H490" s="8"/>
      <c r="S490" s="8"/>
    </row>
    <row r="491" spans="1:19">
      <c r="A491" s="6">
        <v>492</v>
      </c>
      <c r="B491" s="6">
        <v>37614</v>
      </c>
      <c r="C491" s="6">
        <v>40127</v>
      </c>
      <c r="D491" s="6">
        <f t="shared" si="14"/>
        <v>-2513</v>
      </c>
      <c r="E491" s="7">
        <f t="shared" si="15"/>
        <v>-6.6810230233423723E-2</v>
      </c>
      <c r="H491" s="8"/>
      <c r="S491" s="8"/>
    </row>
    <row r="492" spans="1:19">
      <c r="A492" s="6">
        <v>493</v>
      </c>
      <c r="B492" s="6">
        <v>37664</v>
      </c>
      <c r="C492" s="6">
        <v>40154</v>
      </c>
      <c r="D492" s="6">
        <f t="shared" si="14"/>
        <v>-2490</v>
      </c>
      <c r="E492" s="7">
        <f t="shared" si="15"/>
        <v>-6.6110875106202213E-2</v>
      </c>
      <c r="H492" s="8"/>
      <c r="S492" s="8"/>
    </row>
    <row r="493" spans="1:19">
      <c r="A493" s="6">
        <v>494</v>
      </c>
      <c r="B493" s="6">
        <v>37681</v>
      </c>
      <c r="C493" s="6">
        <v>40128</v>
      </c>
      <c r="D493" s="6">
        <f t="shared" si="14"/>
        <v>-2447</v>
      </c>
      <c r="E493" s="7">
        <f t="shared" si="15"/>
        <v>-6.4939890130304392E-2</v>
      </c>
      <c r="H493" s="8"/>
      <c r="S493" s="8"/>
    </row>
    <row r="494" spans="1:19">
      <c r="A494" s="6">
        <v>495</v>
      </c>
      <c r="B494" s="6">
        <v>37657</v>
      </c>
      <c r="C494" s="6">
        <v>40202</v>
      </c>
      <c r="D494" s="6">
        <f t="shared" si="14"/>
        <v>-2545</v>
      </c>
      <c r="E494" s="7">
        <f t="shared" si="15"/>
        <v>-6.7583716174947558E-2</v>
      </c>
      <c r="H494" s="8"/>
      <c r="S494" s="8"/>
    </row>
    <row r="495" spans="1:19">
      <c r="A495" s="6">
        <v>496</v>
      </c>
      <c r="B495" s="6">
        <v>38049</v>
      </c>
      <c r="C495" s="6">
        <v>40554</v>
      </c>
      <c r="D495" s="6">
        <f t="shared" si="14"/>
        <v>-2505</v>
      </c>
      <c r="E495" s="7">
        <f t="shared" si="15"/>
        <v>-6.5836158637546327E-2</v>
      </c>
      <c r="H495" s="8"/>
      <c r="S495" s="8"/>
    </row>
    <row r="496" spans="1:19">
      <c r="A496" s="6">
        <v>497</v>
      </c>
      <c r="B496" s="6">
        <v>38059</v>
      </c>
      <c r="C496" s="6">
        <v>40984</v>
      </c>
      <c r="D496" s="6">
        <f t="shared" si="14"/>
        <v>-2925</v>
      </c>
      <c r="E496" s="7">
        <f t="shared" si="15"/>
        <v>-7.6854357707769522E-2</v>
      </c>
      <c r="H496" s="8"/>
      <c r="S496" s="8"/>
    </row>
    <row r="497" spans="1:19">
      <c r="A497" s="6">
        <v>498</v>
      </c>
      <c r="B497" s="6">
        <v>38043</v>
      </c>
      <c r="C497" s="6">
        <v>40974</v>
      </c>
      <c r="D497" s="6">
        <f t="shared" si="14"/>
        <v>-2931</v>
      </c>
      <c r="E497" s="7">
        <f t="shared" si="15"/>
        <v>-7.7044397129563916E-2</v>
      </c>
      <c r="H497" s="8"/>
      <c r="S497" s="8"/>
    </row>
    <row r="498" spans="1:19">
      <c r="A498" s="6">
        <v>499</v>
      </c>
      <c r="B498" s="6">
        <v>38054</v>
      </c>
      <c r="C498" s="6">
        <v>40982</v>
      </c>
      <c r="D498" s="6">
        <f t="shared" si="14"/>
        <v>-2928</v>
      </c>
      <c r="E498" s="7">
        <f t="shared" si="15"/>
        <v>-7.6943291112629417E-2</v>
      </c>
      <c r="H498" s="8"/>
      <c r="S498" s="8"/>
    </row>
    <row r="499" spans="1:19">
      <c r="A499" s="6">
        <v>500</v>
      </c>
      <c r="B499" s="6">
        <v>38047</v>
      </c>
      <c r="C499" s="6">
        <v>41027</v>
      </c>
      <c r="D499" s="6">
        <f t="shared" si="14"/>
        <v>-2980</v>
      </c>
      <c r="E499" s="7">
        <f t="shared" si="15"/>
        <v>-7.8324177990380314E-2</v>
      </c>
      <c r="H499" s="8"/>
      <c r="S499" s="8"/>
    </row>
    <row r="500" spans="1:19">
      <c r="A500" s="6">
        <v>501</v>
      </c>
      <c r="B500" s="6">
        <v>38064</v>
      </c>
      <c r="C500" s="6">
        <v>40980</v>
      </c>
      <c r="D500" s="6">
        <f t="shared" si="14"/>
        <v>-2916</v>
      </c>
      <c r="E500" s="7">
        <f t="shared" si="15"/>
        <v>-7.6607818411097095E-2</v>
      </c>
      <c r="H500" s="8"/>
      <c r="S500" s="8"/>
    </row>
    <row r="501" spans="1:19">
      <c r="A501" s="6">
        <v>502</v>
      </c>
      <c r="B501" s="6">
        <v>38056</v>
      </c>
      <c r="C501" s="6">
        <v>40962</v>
      </c>
      <c r="D501" s="6">
        <f t="shared" si="14"/>
        <v>-2906</v>
      </c>
      <c r="E501" s="7">
        <f t="shared" si="15"/>
        <v>-7.6361151986546139E-2</v>
      </c>
      <c r="H501" s="8"/>
      <c r="S501" s="8"/>
    </row>
    <row r="502" spans="1:19">
      <c r="A502" s="6">
        <v>503</v>
      </c>
      <c r="B502" s="6">
        <v>38084</v>
      </c>
      <c r="C502" s="6">
        <v>40957</v>
      </c>
      <c r="D502" s="6">
        <f t="shared" si="14"/>
        <v>-2873</v>
      </c>
      <c r="E502" s="7">
        <f t="shared" si="15"/>
        <v>-7.5438504358785838E-2</v>
      </c>
      <c r="H502" s="8"/>
      <c r="S502" s="8"/>
    </row>
    <row r="503" spans="1:19">
      <c r="A503" s="6">
        <v>504</v>
      </c>
      <c r="B503" s="6">
        <v>38062</v>
      </c>
      <c r="C503" s="6">
        <v>41398</v>
      </c>
      <c r="D503" s="6">
        <f t="shared" si="14"/>
        <v>-3336</v>
      </c>
      <c r="E503" s="7">
        <f t="shared" si="15"/>
        <v>-8.7646471546424257E-2</v>
      </c>
      <c r="H503" s="8"/>
      <c r="S503" s="8"/>
    </row>
    <row r="504" spans="1:19">
      <c r="A504" s="6">
        <v>505</v>
      </c>
      <c r="B504" s="6">
        <v>38040</v>
      </c>
      <c r="C504" s="6">
        <v>41817</v>
      </c>
      <c r="D504" s="6">
        <f t="shared" si="14"/>
        <v>-3777</v>
      </c>
      <c r="E504" s="7">
        <f t="shared" si="15"/>
        <v>-9.9290220820189276E-2</v>
      </c>
      <c r="H504" s="8"/>
      <c r="S504" s="8"/>
    </row>
    <row r="505" spans="1:19">
      <c r="A505" s="6">
        <v>506</v>
      </c>
      <c r="B505" s="6">
        <v>38068</v>
      </c>
      <c r="C505" s="6">
        <v>41819</v>
      </c>
      <c r="D505" s="6">
        <f t="shared" si="14"/>
        <v>-3751</v>
      </c>
      <c r="E505" s="7">
        <f t="shared" si="15"/>
        <v>-9.8534201954397396E-2</v>
      </c>
      <c r="H505" s="8"/>
      <c r="S505" s="8"/>
    </row>
    <row r="506" spans="1:19">
      <c r="A506" s="6">
        <v>507</v>
      </c>
      <c r="B506" s="6">
        <v>38089</v>
      </c>
      <c r="C506" s="6">
        <v>41815</v>
      </c>
      <c r="D506" s="6">
        <f t="shared" si="14"/>
        <v>-3726</v>
      </c>
      <c r="E506" s="7">
        <f t="shared" si="15"/>
        <v>-9.7823518601170945E-2</v>
      </c>
      <c r="H506" s="8"/>
      <c r="S506" s="8"/>
    </row>
    <row r="507" spans="1:19">
      <c r="A507" s="6">
        <v>508</v>
      </c>
      <c r="B507" s="6">
        <v>38104</v>
      </c>
      <c r="C507" s="6">
        <v>41913</v>
      </c>
      <c r="D507" s="6">
        <f t="shared" si="14"/>
        <v>-3809</v>
      </c>
      <c r="E507" s="7">
        <f t="shared" si="15"/>
        <v>-9.9963258450556369E-2</v>
      </c>
      <c r="H507" s="8"/>
      <c r="S507" s="8"/>
    </row>
    <row r="508" spans="1:19">
      <c r="A508" s="6">
        <v>509</v>
      </c>
      <c r="B508" s="6">
        <v>38063</v>
      </c>
      <c r="C508" s="6">
        <v>41828</v>
      </c>
      <c r="D508" s="6">
        <f t="shared" si="14"/>
        <v>-3765</v>
      </c>
      <c r="E508" s="7">
        <f t="shared" si="15"/>
        <v>-9.8914956782176919E-2</v>
      </c>
      <c r="H508" s="8"/>
      <c r="S508" s="8"/>
    </row>
    <row r="509" spans="1:19">
      <c r="A509" s="6">
        <v>510</v>
      </c>
      <c r="B509" s="6">
        <v>38095</v>
      </c>
      <c r="C509" s="6">
        <v>41828</v>
      </c>
      <c r="D509" s="6">
        <f t="shared" si="14"/>
        <v>-3733</v>
      </c>
      <c r="E509" s="7">
        <f t="shared" si="15"/>
        <v>-9.7991862449140307E-2</v>
      </c>
      <c r="H509" s="8"/>
      <c r="S509" s="8"/>
    </row>
    <row r="510" spans="1:19">
      <c r="A510" s="6">
        <v>511</v>
      </c>
      <c r="B510" s="6">
        <v>38069</v>
      </c>
      <c r="C510" s="6">
        <v>41876</v>
      </c>
      <c r="D510" s="6">
        <f t="shared" si="14"/>
        <v>-3807</v>
      </c>
      <c r="E510" s="7">
        <f t="shared" si="15"/>
        <v>-0.10000262680921485</v>
      </c>
      <c r="H510" s="8"/>
      <c r="S510" s="8"/>
    </row>
    <row r="511" spans="1:19">
      <c r="A511" s="6">
        <v>512</v>
      </c>
      <c r="B511" s="6">
        <v>37213</v>
      </c>
      <c r="C511" s="6">
        <v>37275</v>
      </c>
      <c r="D511" s="6">
        <f t="shared" si="14"/>
        <v>-62</v>
      </c>
      <c r="E511" s="7">
        <f t="shared" si="15"/>
        <v>-1.6660844328594846E-3</v>
      </c>
      <c r="H511" s="8"/>
      <c r="S511" s="8"/>
    </row>
    <row r="512" spans="1:19">
      <c r="A512" s="6">
        <v>513</v>
      </c>
      <c r="B512" s="6">
        <v>40196</v>
      </c>
      <c r="C512" s="6">
        <v>39304</v>
      </c>
      <c r="D512" s="6">
        <f t="shared" si="14"/>
        <v>892</v>
      </c>
      <c r="E512" s="7">
        <f t="shared" si="15"/>
        <v>2.2191262812220121E-2</v>
      </c>
      <c r="H512" s="8"/>
      <c r="S512" s="8"/>
    </row>
    <row r="513" spans="1:19">
      <c r="A513" s="6">
        <v>514</v>
      </c>
      <c r="B513" s="6">
        <v>40259</v>
      </c>
      <c r="C513" s="6">
        <v>39344</v>
      </c>
      <c r="D513" s="6">
        <f t="shared" si="14"/>
        <v>915</v>
      </c>
      <c r="E513" s="7">
        <f t="shared" si="15"/>
        <v>2.2727837253781764E-2</v>
      </c>
      <c r="H513" s="8"/>
      <c r="S513" s="8"/>
    </row>
    <row r="514" spans="1:19">
      <c r="A514" s="6">
        <v>515</v>
      </c>
      <c r="B514" s="6">
        <v>40153</v>
      </c>
      <c r="C514" s="6">
        <v>39364</v>
      </c>
      <c r="D514" s="6">
        <f t="shared" si="14"/>
        <v>789</v>
      </c>
      <c r="E514" s="7">
        <f t="shared" si="15"/>
        <v>1.964983936443105E-2</v>
      </c>
      <c r="H514" s="8"/>
      <c r="S514" s="8"/>
    </row>
    <row r="515" spans="1:19">
      <c r="A515" s="6">
        <v>516</v>
      </c>
      <c r="B515" s="6">
        <v>40138</v>
      </c>
      <c r="C515" s="6">
        <v>39305</v>
      </c>
      <c r="D515" s="6">
        <f t="shared" si="14"/>
        <v>833</v>
      </c>
      <c r="E515" s="7">
        <f t="shared" si="15"/>
        <v>2.0753400767352635E-2</v>
      </c>
      <c r="H515" s="8"/>
      <c r="S515" s="8"/>
    </row>
    <row r="516" spans="1:19">
      <c r="A516" s="6">
        <v>517</v>
      </c>
      <c r="B516" s="6">
        <v>40130</v>
      </c>
      <c r="C516" s="6">
        <v>39299</v>
      </c>
      <c r="D516" s="6">
        <f t="shared" ref="D516:D579" si="16">B516-C516</f>
        <v>831</v>
      </c>
      <c r="E516" s="7">
        <f t="shared" ref="E516:E579" si="17">D516/B516</f>
        <v>2.0707699975080988E-2</v>
      </c>
      <c r="H516" s="8"/>
      <c r="S516" s="8"/>
    </row>
    <row r="517" spans="1:19">
      <c r="A517" s="6">
        <v>518</v>
      </c>
      <c r="B517" s="6">
        <v>40514</v>
      </c>
      <c r="C517" s="6">
        <v>39300</v>
      </c>
      <c r="D517" s="6">
        <f t="shared" si="16"/>
        <v>1214</v>
      </c>
      <c r="E517" s="7">
        <f t="shared" si="17"/>
        <v>2.9964950387520364E-2</v>
      </c>
      <c r="H517" s="8"/>
      <c r="S517" s="8"/>
    </row>
    <row r="518" spans="1:19">
      <c r="A518" s="6">
        <v>519</v>
      </c>
      <c r="B518" s="6">
        <v>40507</v>
      </c>
      <c r="C518" s="6">
        <v>39295</v>
      </c>
      <c r="D518" s="6">
        <f t="shared" si="16"/>
        <v>1212</v>
      </c>
      <c r="E518" s="7">
        <f t="shared" si="17"/>
        <v>2.9920754437504631E-2</v>
      </c>
      <c r="H518" s="8"/>
      <c r="S518" s="8"/>
    </row>
    <row r="519" spans="1:19">
      <c r="A519" s="6">
        <v>520</v>
      </c>
      <c r="B519" s="6">
        <v>40115</v>
      </c>
      <c r="C519" s="6">
        <v>39714</v>
      </c>
      <c r="D519" s="6">
        <f t="shared" si="16"/>
        <v>401</v>
      </c>
      <c r="E519" s="7">
        <f t="shared" si="17"/>
        <v>9.9962607503427652E-3</v>
      </c>
      <c r="H519" s="8"/>
      <c r="S519" s="8"/>
    </row>
    <row r="520" spans="1:19">
      <c r="A520" s="6">
        <v>521</v>
      </c>
      <c r="B520" s="6">
        <v>40130</v>
      </c>
      <c r="C520" s="6">
        <v>40162</v>
      </c>
      <c r="D520" s="6">
        <f t="shared" si="16"/>
        <v>-32</v>
      </c>
      <c r="E520" s="7">
        <f t="shared" si="17"/>
        <v>-7.9740842262646398E-4</v>
      </c>
      <c r="H520" s="8"/>
      <c r="S520" s="8"/>
    </row>
    <row r="521" spans="1:19">
      <c r="A521" s="6">
        <v>522</v>
      </c>
      <c r="B521" s="6">
        <v>40151</v>
      </c>
      <c r="C521" s="6">
        <v>41169</v>
      </c>
      <c r="D521" s="6">
        <f t="shared" si="16"/>
        <v>-1018</v>
      </c>
      <c r="E521" s="7">
        <f t="shared" si="17"/>
        <v>-2.5354287564444224E-2</v>
      </c>
      <c r="H521" s="8"/>
      <c r="S521" s="8"/>
    </row>
    <row r="522" spans="1:19">
      <c r="A522" s="6">
        <v>523</v>
      </c>
      <c r="B522" s="6">
        <v>40144</v>
      </c>
      <c r="C522" s="6">
        <v>40139</v>
      </c>
      <c r="D522" s="6">
        <f t="shared" si="16"/>
        <v>5</v>
      </c>
      <c r="E522" s="7">
        <f t="shared" si="17"/>
        <v>1.2455161418891989E-4</v>
      </c>
      <c r="H522" s="8"/>
      <c r="S522" s="8"/>
    </row>
    <row r="523" spans="1:19">
      <c r="A523" s="6">
        <v>524</v>
      </c>
      <c r="B523" s="6">
        <v>40182</v>
      </c>
      <c r="C523" s="6">
        <v>40135</v>
      </c>
      <c r="D523" s="6">
        <f t="shared" si="16"/>
        <v>47</v>
      </c>
      <c r="E523" s="7">
        <f t="shared" si="17"/>
        <v>1.1696779652580758E-3</v>
      </c>
      <c r="H523" s="8"/>
      <c r="S523" s="8"/>
    </row>
    <row r="524" spans="1:19">
      <c r="A524" s="6">
        <v>525</v>
      </c>
      <c r="B524" s="6">
        <v>40136</v>
      </c>
      <c r="C524" s="6">
        <v>40160</v>
      </c>
      <c r="D524" s="6">
        <f t="shared" si="16"/>
        <v>-24</v>
      </c>
      <c r="E524" s="7">
        <f t="shared" si="17"/>
        <v>-5.9796691249750845E-4</v>
      </c>
      <c r="H524" s="8"/>
      <c r="S524" s="8"/>
    </row>
    <row r="525" spans="1:19">
      <c r="A525" s="6">
        <v>526</v>
      </c>
      <c r="B525" s="6">
        <v>40137</v>
      </c>
      <c r="C525" s="6">
        <v>40182</v>
      </c>
      <c r="D525" s="6">
        <f t="shared" si="16"/>
        <v>-45</v>
      </c>
      <c r="E525" s="7">
        <f t="shared" si="17"/>
        <v>-1.1211600269078407E-3</v>
      </c>
      <c r="H525" s="8"/>
      <c r="S525" s="8"/>
    </row>
    <row r="526" spans="1:19">
      <c r="A526" s="6">
        <v>527</v>
      </c>
      <c r="B526" s="6">
        <v>40149</v>
      </c>
      <c r="C526" s="6">
        <v>40179</v>
      </c>
      <c r="D526" s="6">
        <f t="shared" si="16"/>
        <v>-30</v>
      </c>
      <c r="E526" s="7">
        <f t="shared" si="17"/>
        <v>-7.4721661809758644E-4</v>
      </c>
      <c r="H526" s="8"/>
      <c r="S526" s="8"/>
    </row>
    <row r="527" spans="1:19">
      <c r="A527" s="6">
        <v>528</v>
      </c>
      <c r="B527" s="6">
        <v>40140</v>
      </c>
      <c r="C527" s="6">
        <v>40563</v>
      </c>
      <c r="D527" s="6">
        <f t="shared" si="16"/>
        <v>-423</v>
      </c>
      <c r="E527" s="7">
        <f t="shared" si="17"/>
        <v>-1.0538116591928251E-2</v>
      </c>
      <c r="H527" s="8"/>
      <c r="S527" s="8"/>
    </row>
    <row r="528" spans="1:19">
      <c r="A528" s="6">
        <v>529</v>
      </c>
      <c r="B528" s="6">
        <v>40165</v>
      </c>
      <c r="C528" s="6">
        <v>41020</v>
      </c>
      <c r="D528" s="6">
        <f t="shared" si="16"/>
        <v>-855</v>
      </c>
      <c r="E528" s="7">
        <f t="shared" si="17"/>
        <v>-2.1287190339848126E-2</v>
      </c>
      <c r="H528" s="8"/>
      <c r="S528" s="8"/>
    </row>
    <row r="529" spans="1:19">
      <c r="A529" s="6">
        <v>530</v>
      </c>
      <c r="B529" s="6">
        <v>40144</v>
      </c>
      <c r="C529" s="6">
        <v>41029</v>
      </c>
      <c r="D529" s="6">
        <f t="shared" si="16"/>
        <v>-885</v>
      </c>
      <c r="E529" s="7">
        <f t="shared" si="17"/>
        <v>-2.2045635711438822E-2</v>
      </c>
      <c r="H529" s="8"/>
      <c r="S529" s="8"/>
    </row>
    <row r="530" spans="1:19">
      <c r="A530" s="6">
        <v>531</v>
      </c>
      <c r="B530" s="6">
        <v>40173</v>
      </c>
      <c r="C530" s="6">
        <v>40998</v>
      </c>
      <c r="D530" s="6">
        <f t="shared" si="16"/>
        <v>-825</v>
      </c>
      <c r="E530" s="7">
        <f t="shared" si="17"/>
        <v>-2.0536181017101036E-2</v>
      </c>
      <c r="H530" s="8"/>
      <c r="S530" s="8"/>
    </row>
    <row r="531" spans="1:19">
      <c r="A531" s="6">
        <v>532</v>
      </c>
      <c r="B531" s="6">
        <v>40142</v>
      </c>
      <c r="C531" s="6">
        <v>40962</v>
      </c>
      <c r="D531" s="6">
        <f t="shared" si="16"/>
        <v>-820</v>
      </c>
      <c r="E531" s="7">
        <f t="shared" si="17"/>
        <v>-2.0427482437347416E-2</v>
      </c>
      <c r="H531" s="8"/>
      <c r="S531" s="8"/>
    </row>
    <row r="532" spans="1:19">
      <c r="A532" s="6">
        <v>533</v>
      </c>
      <c r="B532" s="6">
        <v>40128</v>
      </c>
      <c r="C532" s="6">
        <v>40962</v>
      </c>
      <c r="D532" s="6">
        <f t="shared" si="16"/>
        <v>-834</v>
      </c>
      <c r="E532" s="7">
        <f t="shared" si="17"/>
        <v>-2.0783492822966508E-2</v>
      </c>
      <c r="H532" s="8"/>
      <c r="S532" s="8"/>
    </row>
    <row r="533" spans="1:19">
      <c r="A533" s="6">
        <v>534</v>
      </c>
      <c r="B533" s="6">
        <v>40146</v>
      </c>
      <c r="C533" s="6">
        <v>40986</v>
      </c>
      <c r="D533" s="6">
        <f t="shared" si="16"/>
        <v>-840</v>
      </c>
      <c r="E533" s="7">
        <f t="shared" si="17"/>
        <v>-2.0923628755044089E-2</v>
      </c>
      <c r="H533" s="8"/>
      <c r="S533" s="8"/>
    </row>
    <row r="534" spans="1:19">
      <c r="A534" s="6">
        <v>535</v>
      </c>
      <c r="B534" s="6">
        <v>40190</v>
      </c>
      <c r="C534" s="6">
        <v>41002</v>
      </c>
      <c r="D534" s="6">
        <f t="shared" si="16"/>
        <v>-812</v>
      </c>
      <c r="E534" s="7">
        <f t="shared" si="17"/>
        <v>-2.0204030853446131E-2</v>
      </c>
      <c r="H534" s="8"/>
      <c r="S534" s="8"/>
    </row>
    <row r="535" spans="1:19">
      <c r="A535" s="6">
        <v>536</v>
      </c>
      <c r="B535" s="6">
        <v>40151</v>
      </c>
      <c r="C535" s="6">
        <v>41406</v>
      </c>
      <c r="D535" s="6">
        <f t="shared" si="16"/>
        <v>-1255</v>
      </c>
      <c r="E535" s="7">
        <f t="shared" si="17"/>
        <v>-3.1257004806854123E-2</v>
      </c>
      <c r="H535" s="8"/>
      <c r="S535" s="8"/>
    </row>
    <row r="536" spans="1:19">
      <c r="A536" s="6">
        <v>537</v>
      </c>
      <c r="B536" s="6">
        <v>40137</v>
      </c>
      <c r="C536" s="6">
        <v>41809</v>
      </c>
      <c r="D536" s="6">
        <f t="shared" si="16"/>
        <v>-1672</v>
      </c>
      <c r="E536" s="7">
        <f t="shared" si="17"/>
        <v>-4.1657323666442432E-2</v>
      </c>
      <c r="H536" s="8"/>
      <c r="S536" s="8"/>
    </row>
    <row r="537" spans="1:19">
      <c r="A537" s="6">
        <v>538</v>
      </c>
      <c r="B537" s="6">
        <v>40162</v>
      </c>
      <c r="C537" s="6">
        <v>41839</v>
      </c>
      <c r="D537" s="6">
        <f t="shared" si="16"/>
        <v>-1677</v>
      </c>
      <c r="E537" s="7">
        <f t="shared" si="17"/>
        <v>-4.17558886509636E-2</v>
      </c>
      <c r="H537" s="8"/>
      <c r="S537" s="8"/>
    </row>
    <row r="538" spans="1:19">
      <c r="A538" s="6">
        <v>539</v>
      </c>
      <c r="B538" s="6">
        <v>40166</v>
      </c>
      <c r="C538" s="6">
        <v>41820</v>
      </c>
      <c r="D538" s="6">
        <f t="shared" si="16"/>
        <v>-1654</v>
      </c>
      <c r="E538" s="7">
        <f t="shared" si="17"/>
        <v>-4.1179106707165264E-2</v>
      </c>
      <c r="H538" s="8"/>
      <c r="S538" s="8"/>
    </row>
    <row r="539" spans="1:19">
      <c r="A539" s="6">
        <v>540</v>
      </c>
      <c r="B539" s="6">
        <v>40168</v>
      </c>
      <c r="C539" s="6">
        <v>42277</v>
      </c>
      <c r="D539" s="6">
        <f t="shared" si="16"/>
        <v>-2109</v>
      </c>
      <c r="E539" s="7">
        <f t="shared" si="17"/>
        <v>-5.2504481179047997E-2</v>
      </c>
      <c r="H539" s="8"/>
      <c r="S539" s="8"/>
    </row>
    <row r="540" spans="1:19">
      <c r="A540" s="6">
        <v>541</v>
      </c>
      <c r="B540" s="6">
        <v>40123</v>
      </c>
      <c r="C540" s="6">
        <v>41807</v>
      </c>
      <c r="D540" s="6">
        <f t="shared" si="16"/>
        <v>-1684</v>
      </c>
      <c r="E540" s="7">
        <f t="shared" si="17"/>
        <v>-4.1970939361463497E-2</v>
      </c>
      <c r="H540" s="8"/>
      <c r="S540" s="8"/>
    </row>
    <row r="541" spans="1:19">
      <c r="A541" s="6">
        <v>542</v>
      </c>
      <c r="B541" s="6">
        <v>40166</v>
      </c>
      <c r="C541" s="6">
        <v>41795</v>
      </c>
      <c r="D541" s="6">
        <f t="shared" si="16"/>
        <v>-1629</v>
      </c>
      <c r="E541" s="7">
        <f t="shared" si="17"/>
        <v>-4.0556689737589004E-2</v>
      </c>
      <c r="H541" s="8"/>
      <c r="S541" s="8"/>
    </row>
    <row r="542" spans="1:19">
      <c r="A542" s="6">
        <v>543</v>
      </c>
      <c r="B542" s="6">
        <v>40577</v>
      </c>
      <c r="C542" s="6">
        <v>41834</v>
      </c>
      <c r="D542" s="6">
        <f t="shared" si="16"/>
        <v>-1257</v>
      </c>
      <c r="E542" s="7">
        <f t="shared" si="17"/>
        <v>-3.0978140325800329E-2</v>
      </c>
      <c r="H542" s="8"/>
      <c r="S542" s="8"/>
    </row>
    <row r="543" spans="1:19">
      <c r="A543" s="6">
        <v>544</v>
      </c>
      <c r="B543" s="6">
        <v>40954</v>
      </c>
      <c r="C543" s="6">
        <v>42272</v>
      </c>
      <c r="D543" s="6">
        <f t="shared" si="16"/>
        <v>-1318</v>
      </c>
      <c r="E543" s="7">
        <f t="shared" si="17"/>
        <v>-3.2182448600869266E-2</v>
      </c>
      <c r="H543" s="8"/>
      <c r="S543" s="8"/>
    </row>
    <row r="544" spans="1:19">
      <c r="A544" s="6">
        <v>545</v>
      </c>
      <c r="B544" s="6">
        <v>40968</v>
      </c>
      <c r="C544" s="6">
        <v>42670</v>
      </c>
      <c r="D544" s="6">
        <f t="shared" si="16"/>
        <v>-1702</v>
      </c>
      <c r="E544" s="7">
        <f t="shared" si="17"/>
        <v>-4.1544620191368876E-2</v>
      </c>
      <c r="H544" s="8"/>
      <c r="S544" s="8"/>
    </row>
    <row r="545" spans="1:19">
      <c r="A545" s="6">
        <v>546</v>
      </c>
      <c r="B545" s="6">
        <v>40996</v>
      </c>
      <c r="C545" s="6">
        <v>42649</v>
      </c>
      <c r="D545" s="6">
        <f t="shared" si="16"/>
        <v>-1653</v>
      </c>
      <c r="E545" s="7">
        <f t="shared" si="17"/>
        <v>-4.0321006927505121E-2</v>
      </c>
      <c r="H545" s="8"/>
      <c r="S545" s="8"/>
    </row>
    <row r="546" spans="1:19">
      <c r="A546" s="6">
        <v>547</v>
      </c>
      <c r="B546" s="6">
        <v>40993</v>
      </c>
      <c r="C546" s="6">
        <v>42704</v>
      </c>
      <c r="D546" s="6">
        <f t="shared" si="16"/>
        <v>-1711</v>
      </c>
      <c r="E546" s="7">
        <f t="shared" si="17"/>
        <v>-4.1738833459371114E-2</v>
      </c>
      <c r="H546" s="8"/>
      <c r="S546" s="8"/>
    </row>
    <row r="547" spans="1:19">
      <c r="A547" s="6">
        <v>548</v>
      </c>
      <c r="B547" s="6">
        <v>40997</v>
      </c>
      <c r="C547" s="6">
        <v>42633</v>
      </c>
      <c r="D547" s="6">
        <f t="shared" si="16"/>
        <v>-1636</v>
      </c>
      <c r="E547" s="7">
        <f t="shared" si="17"/>
        <v>-3.9905358928702103E-2</v>
      </c>
      <c r="H547" s="8"/>
      <c r="S547" s="8"/>
    </row>
    <row r="548" spans="1:19">
      <c r="A548" s="6">
        <v>549</v>
      </c>
      <c r="B548" s="6">
        <v>40969</v>
      </c>
      <c r="C548" s="6">
        <v>42679</v>
      </c>
      <c r="D548" s="6">
        <f t="shared" si="16"/>
        <v>-1710</v>
      </c>
      <c r="E548" s="7">
        <f t="shared" si="17"/>
        <v>-4.1738875735312063E-2</v>
      </c>
      <c r="H548" s="8"/>
      <c r="S548" s="8"/>
    </row>
    <row r="549" spans="1:19">
      <c r="A549" s="6">
        <v>550</v>
      </c>
      <c r="B549" s="6">
        <v>40967</v>
      </c>
      <c r="C549" s="6">
        <v>42657</v>
      </c>
      <c r="D549" s="6">
        <f t="shared" si="16"/>
        <v>-1690</v>
      </c>
      <c r="E549" s="7">
        <f t="shared" si="17"/>
        <v>-4.1252715600361263E-2</v>
      </c>
      <c r="H549" s="8"/>
      <c r="S549" s="8"/>
    </row>
    <row r="550" spans="1:19">
      <c r="A550" s="6">
        <v>551</v>
      </c>
      <c r="B550" s="6">
        <v>40965</v>
      </c>
      <c r="C550" s="6">
        <v>42694</v>
      </c>
      <c r="D550" s="6">
        <f t="shared" si="16"/>
        <v>-1729</v>
      </c>
      <c r="E550" s="7">
        <f t="shared" si="17"/>
        <v>-4.2206761869888927E-2</v>
      </c>
      <c r="H550" s="8"/>
      <c r="S550" s="8"/>
    </row>
    <row r="551" spans="1:19">
      <c r="A551" s="6">
        <v>552</v>
      </c>
      <c r="B551" s="6">
        <v>40974</v>
      </c>
      <c r="C551" s="6">
        <v>43063</v>
      </c>
      <c r="D551" s="6">
        <f t="shared" si="16"/>
        <v>-2089</v>
      </c>
      <c r="E551" s="7">
        <f t="shared" si="17"/>
        <v>-5.0983550544247573E-2</v>
      </c>
      <c r="H551" s="8"/>
      <c r="S551" s="8"/>
    </row>
    <row r="552" spans="1:19">
      <c r="A552" s="6">
        <v>553</v>
      </c>
      <c r="B552" s="6">
        <v>40979</v>
      </c>
      <c r="C552" s="6">
        <v>43483</v>
      </c>
      <c r="D552" s="6">
        <f t="shared" si="16"/>
        <v>-2504</v>
      </c>
      <c r="E552" s="7">
        <f t="shared" si="17"/>
        <v>-6.1104468142219183E-2</v>
      </c>
      <c r="H552" s="8"/>
      <c r="S552" s="8"/>
    </row>
    <row r="553" spans="1:19">
      <c r="A553" s="6">
        <v>554</v>
      </c>
      <c r="B553" s="6">
        <v>40956</v>
      </c>
      <c r="C553" s="6">
        <v>43463</v>
      </c>
      <c r="D553" s="6">
        <f t="shared" si="16"/>
        <v>-2507</v>
      </c>
      <c r="E553" s="7">
        <f t="shared" si="17"/>
        <v>-6.1212032425041508E-2</v>
      </c>
      <c r="H553" s="8"/>
      <c r="S553" s="8"/>
    </row>
    <row r="554" spans="1:19">
      <c r="A554" s="6">
        <v>555</v>
      </c>
      <c r="B554" s="6">
        <v>40969</v>
      </c>
      <c r="C554" s="6">
        <v>43468</v>
      </c>
      <c r="D554" s="6">
        <f t="shared" si="16"/>
        <v>-2499</v>
      </c>
      <c r="E554" s="7">
        <f t="shared" si="17"/>
        <v>-6.0997339451780618E-2</v>
      </c>
      <c r="H554" s="8"/>
      <c r="S554" s="8"/>
    </row>
    <row r="555" spans="1:19">
      <c r="A555" s="6">
        <v>556</v>
      </c>
      <c r="B555" s="6">
        <v>41004</v>
      </c>
      <c r="C555" s="6">
        <v>43541</v>
      </c>
      <c r="D555" s="6">
        <f t="shared" si="16"/>
        <v>-2537</v>
      </c>
      <c r="E555" s="7">
        <f t="shared" si="17"/>
        <v>-6.1872012486586678E-2</v>
      </c>
      <c r="H555" s="8"/>
      <c r="S555" s="8"/>
    </row>
    <row r="556" spans="1:19">
      <c r="A556" s="6">
        <v>557</v>
      </c>
      <c r="B556" s="6">
        <v>40965</v>
      </c>
      <c r="C556" s="6">
        <v>43465</v>
      </c>
      <c r="D556" s="6">
        <f t="shared" si="16"/>
        <v>-2500</v>
      </c>
      <c r="E556" s="7">
        <f t="shared" si="17"/>
        <v>-6.102770657878677E-2</v>
      </c>
      <c r="H556" s="8"/>
      <c r="S556" s="8"/>
    </row>
    <row r="557" spans="1:19">
      <c r="A557" s="6">
        <v>558</v>
      </c>
      <c r="B557" s="6">
        <v>40960</v>
      </c>
      <c r="C557" s="6">
        <v>43472</v>
      </c>
      <c r="D557" s="6">
        <f t="shared" si="16"/>
        <v>-2512</v>
      </c>
      <c r="E557" s="7">
        <f t="shared" si="17"/>
        <v>-6.1328124999999997E-2</v>
      </c>
      <c r="H557" s="8"/>
      <c r="S557" s="8"/>
    </row>
    <row r="558" spans="1:19">
      <c r="A558" s="6">
        <v>559</v>
      </c>
      <c r="B558" s="6">
        <v>40963</v>
      </c>
      <c r="C558" s="6">
        <v>43461</v>
      </c>
      <c r="D558" s="6">
        <f t="shared" si="16"/>
        <v>-2498</v>
      </c>
      <c r="E558" s="7">
        <f t="shared" si="17"/>
        <v>-6.0981861680052728E-2</v>
      </c>
      <c r="H558" s="8"/>
      <c r="S558" s="8"/>
    </row>
    <row r="559" spans="1:19">
      <c r="A559" s="6">
        <v>560</v>
      </c>
      <c r="B559" s="6">
        <v>41370</v>
      </c>
      <c r="C559" s="6">
        <v>43959</v>
      </c>
      <c r="D559" s="6">
        <f t="shared" si="16"/>
        <v>-2589</v>
      </c>
      <c r="E559" s="7">
        <f t="shared" si="17"/>
        <v>-6.2581580855692528E-2</v>
      </c>
      <c r="H559" s="8"/>
      <c r="S559" s="8"/>
    </row>
    <row r="560" spans="1:19">
      <c r="A560" s="6">
        <v>561</v>
      </c>
      <c r="B560" s="6">
        <v>41389</v>
      </c>
      <c r="C560" s="6">
        <v>44296</v>
      </c>
      <c r="D560" s="6">
        <f t="shared" si="16"/>
        <v>-2907</v>
      </c>
      <c r="E560" s="7">
        <f t="shared" si="17"/>
        <v>-7.0236053057575687E-2</v>
      </c>
      <c r="H560" s="8"/>
      <c r="S560" s="8"/>
    </row>
    <row r="561" spans="1:19">
      <c r="A561" s="6">
        <v>562</v>
      </c>
      <c r="B561" s="6">
        <v>41429</v>
      </c>
      <c r="C561" s="6">
        <v>44330</v>
      </c>
      <c r="D561" s="6">
        <f t="shared" si="16"/>
        <v>-2901</v>
      </c>
      <c r="E561" s="7">
        <f t="shared" si="17"/>
        <v>-7.0023413550894295E-2</v>
      </c>
      <c r="H561" s="8"/>
      <c r="S561" s="8"/>
    </row>
    <row r="562" spans="1:19">
      <c r="A562" s="6">
        <v>563</v>
      </c>
      <c r="B562" s="6">
        <v>41533</v>
      </c>
      <c r="C562" s="6">
        <v>44368</v>
      </c>
      <c r="D562" s="6">
        <f t="shared" si="16"/>
        <v>-2835</v>
      </c>
      <c r="E562" s="7">
        <f t="shared" si="17"/>
        <v>-6.8258974791129939E-2</v>
      </c>
      <c r="H562" s="8"/>
      <c r="S562" s="8"/>
    </row>
    <row r="563" spans="1:19">
      <c r="A563" s="6">
        <v>564</v>
      </c>
      <c r="B563" s="6">
        <v>41428</v>
      </c>
      <c r="C563" s="6">
        <v>44296</v>
      </c>
      <c r="D563" s="6">
        <f t="shared" si="16"/>
        <v>-2868</v>
      </c>
      <c r="E563" s="7">
        <f t="shared" si="17"/>
        <v>-6.9228541083325282E-2</v>
      </c>
      <c r="H563" s="8"/>
      <c r="S563" s="8"/>
    </row>
    <row r="564" spans="1:19">
      <c r="A564" s="6">
        <v>565</v>
      </c>
      <c r="B564" s="6">
        <v>41433</v>
      </c>
      <c r="C564" s="6">
        <v>44373</v>
      </c>
      <c r="D564" s="6">
        <f t="shared" si="16"/>
        <v>-2940</v>
      </c>
      <c r="E564" s="7">
        <f t="shared" si="17"/>
        <v>-7.0957932083122149E-2</v>
      </c>
      <c r="H564" s="8"/>
      <c r="S564" s="8"/>
    </row>
    <row r="565" spans="1:19">
      <c r="A565" s="6">
        <v>566</v>
      </c>
      <c r="B565" s="6">
        <v>41422</v>
      </c>
      <c r="C565" s="6">
        <v>44326</v>
      </c>
      <c r="D565" s="6">
        <f t="shared" si="16"/>
        <v>-2904</v>
      </c>
      <c r="E565" s="7">
        <f t="shared" si="17"/>
        <v>-7.010767225146057E-2</v>
      </c>
      <c r="H565" s="8"/>
      <c r="S565" s="8"/>
    </row>
    <row r="566" spans="1:19">
      <c r="A566" s="6">
        <v>567</v>
      </c>
      <c r="B566" s="6">
        <v>41372</v>
      </c>
      <c r="C566" s="6">
        <v>44308</v>
      </c>
      <c r="D566" s="6">
        <f t="shared" si="16"/>
        <v>-2936</v>
      </c>
      <c r="E566" s="7">
        <f t="shared" si="17"/>
        <v>-7.0965870637145892E-2</v>
      </c>
      <c r="H566" s="8"/>
      <c r="S566" s="8"/>
    </row>
    <row r="567" spans="1:19">
      <c r="A567" s="6">
        <v>568</v>
      </c>
      <c r="B567" s="6">
        <v>41408</v>
      </c>
      <c r="C567" s="6">
        <v>44733</v>
      </c>
      <c r="D567" s="6">
        <f t="shared" si="16"/>
        <v>-3325</v>
      </c>
      <c r="E567" s="7">
        <f t="shared" si="17"/>
        <v>-8.0298493044822256E-2</v>
      </c>
      <c r="H567" s="8"/>
      <c r="S567" s="8"/>
    </row>
    <row r="568" spans="1:19">
      <c r="A568" s="6">
        <v>569</v>
      </c>
      <c r="B568" s="6">
        <v>41466</v>
      </c>
      <c r="C568" s="6">
        <v>45164</v>
      </c>
      <c r="D568" s="6">
        <f t="shared" si="16"/>
        <v>-3698</v>
      </c>
      <c r="E568" s="7">
        <f t="shared" si="17"/>
        <v>-8.9181498094824674E-2</v>
      </c>
      <c r="H568" s="8"/>
      <c r="S568" s="8"/>
    </row>
    <row r="569" spans="1:19">
      <c r="A569" s="6">
        <v>570</v>
      </c>
      <c r="B569" s="6">
        <v>41409</v>
      </c>
      <c r="C569" s="6">
        <v>45181</v>
      </c>
      <c r="D569" s="6">
        <f t="shared" si="16"/>
        <v>-3772</v>
      </c>
      <c r="E569" s="7">
        <f t="shared" si="17"/>
        <v>-9.1091308652708342E-2</v>
      </c>
      <c r="H569" s="8"/>
      <c r="S569" s="8"/>
    </row>
    <row r="570" spans="1:19">
      <c r="A570" s="6">
        <v>571</v>
      </c>
      <c r="B570" s="6">
        <v>41399</v>
      </c>
      <c r="C570" s="6">
        <v>45178</v>
      </c>
      <c r="D570" s="6">
        <f t="shared" si="16"/>
        <v>-3779</v>
      </c>
      <c r="E570" s="7">
        <f t="shared" si="17"/>
        <v>-9.1282398125558592E-2</v>
      </c>
      <c r="H570" s="8"/>
      <c r="S570" s="8"/>
    </row>
    <row r="571" spans="1:19">
      <c r="A571" s="6">
        <v>572</v>
      </c>
      <c r="B571" s="6">
        <v>41440</v>
      </c>
      <c r="C571" s="6">
        <v>45140</v>
      </c>
      <c r="D571" s="6">
        <f t="shared" si="16"/>
        <v>-3700</v>
      </c>
      <c r="E571" s="7">
        <f t="shared" si="17"/>
        <v>-8.9285714285714288E-2</v>
      </c>
      <c r="H571" s="8"/>
      <c r="S571" s="8"/>
    </row>
    <row r="572" spans="1:19">
      <c r="A572" s="6">
        <v>573</v>
      </c>
      <c r="B572" s="6">
        <v>41403</v>
      </c>
      <c r="C572" s="6">
        <v>45134</v>
      </c>
      <c r="D572" s="6">
        <f t="shared" si="16"/>
        <v>-3731</v>
      </c>
      <c r="E572" s="7">
        <f t="shared" si="17"/>
        <v>-9.0114242929256336E-2</v>
      </c>
      <c r="H572" s="8"/>
      <c r="S572" s="8"/>
    </row>
    <row r="573" spans="1:19">
      <c r="A573" s="6">
        <v>574</v>
      </c>
      <c r="B573" s="6">
        <v>41394</v>
      </c>
      <c r="C573" s="6">
        <v>45185</v>
      </c>
      <c r="D573" s="6">
        <f t="shared" si="16"/>
        <v>-3791</v>
      </c>
      <c r="E573" s="7">
        <f t="shared" si="17"/>
        <v>-9.1583321254288058E-2</v>
      </c>
      <c r="H573" s="8"/>
      <c r="S573" s="8"/>
    </row>
    <row r="574" spans="1:19">
      <c r="A574" s="6">
        <v>575</v>
      </c>
      <c r="B574" s="6">
        <v>41401</v>
      </c>
      <c r="C574" s="6">
        <v>45162</v>
      </c>
      <c r="D574" s="6">
        <f t="shared" si="16"/>
        <v>-3761</v>
      </c>
      <c r="E574" s="7">
        <f t="shared" si="17"/>
        <v>-9.0843216347431227E-2</v>
      </c>
      <c r="H574" s="8"/>
      <c r="S574" s="8"/>
    </row>
    <row r="575" spans="1:19">
      <c r="A575" s="6">
        <v>576</v>
      </c>
      <c r="B575" s="6">
        <v>40589</v>
      </c>
      <c r="C575" s="6">
        <v>40606</v>
      </c>
      <c r="D575" s="6">
        <f t="shared" si="16"/>
        <v>-17</v>
      </c>
      <c r="E575" s="7">
        <f t="shared" si="17"/>
        <v>-4.1883268865948903E-4</v>
      </c>
      <c r="H575" s="8"/>
      <c r="S575" s="8"/>
    </row>
    <row r="576" spans="1:19">
      <c r="A576" s="6">
        <v>577</v>
      </c>
      <c r="B576" s="6">
        <v>43482</v>
      </c>
      <c r="C576" s="6">
        <v>42718</v>
      </c>
      <c r="D576" s="6">
        <f t="shared" si="16"/>
        <v>764</v>
      </c>
      <c r="E576" s="7">
        <f t="shared" si="17"/>
        <v>1.7570488937951337E-2</v>
      </c>
      <c r="H576" s="8"/>
      <c r="S576" s="8"/>
    </row>
    <row r="577" spans="1:19">
      <c r="A577" s="6">
        <v>578</v>
      </c>
      <c r="B577" s="6">
        <v>43479</v>
      </c>
      <c r="C577" s="6">
        <v>42669</v>
      </c>
      <c r="D577" s="6">
        <f t="shared" si="16"/>
        <v>810</v>
      </c>
      <c r="E577" s="7">
        <f t="shared" si="17"/>
        <v>1.8629683295383979E-2</v>
      </c>
      <c r="H577" s="8"/>
      <c r="S577" s="8"/>
    </row>
    <row r="578" spans="1:19">
      <c r="A578" s="6">
        <v>579</v>
      </c>
      <c r="B578" s="6">
        <v>43472</v>
      </c>
      <c r="C578" s="6">
        <v>42632</v>
      </c>
      <c r="D578" s="6">
        <f t="shared" si="16"/>
        <v>840</v>
      </c>
      <c r="E578" s="7">
        <f t="shared" si="17"/>
        <v>1.9322782480677217E-2</v>
      </c>
      <c r="H578" s="8"/>
      <c r="S578" s="8"/>
    </row>
    <row r="579" spans="1:19">
      <c r="A579" s="6">
        <v>580</v>
      </c>
      <c r="B579" s="6">
        <v>43469</v>
      </c>
      <c r="C579" s="6">
        <v>42680</v>
      </c>
      <c r="D579" s="6">
        <f t="shared" si="16"/>
        <v>789</v>
      </c>
      <c r="E579" s="7">
        <f t="shared" si="17"/>
        <v>1.8150866134486646E-2</v>
      </c>
      <c r="H579" s="8"/>
      <c r="S579" s="8"/>
    </row>
    <row r="580" spans="1:19">
      <c r="A580" s="6">
        <v>581</v>
      </c>
      <c r="B580" s="6">
        <v>43463</v>
      </c>
      <c r="C580" s="6">
        <v>42679</v>
      </c>
      <c r="D580" s="6">
        <f t="shared" ref="D580:D643" si="18">B580-C580</f>
        <v>784</v>
      </c>
      <c r="E580" s="7">
        <f t="shared" ref="E580:E643" si="19">D580/B580</f>
        <v>1.8038331454340473E-2</v>
      </c>
      <c r="H580" s="8"/>
      <c r="S580" s="8"/>
    </row>
    <row r="581" spans="1:19">
      <c r="A581" s="6">
        <v>582</v>
      </c>
      <c r="B581" s="6">
        <v>43513</v>
      </c>
      <c r="C581" s="6">
        <v>42690</v>
      </c>
      <c r="D581" s="6">
        <f t="shared" si="18"/>
        <v>823</v>
      </c>
      <c r="E581" s="7">
        <f t="shared" si="19"/>
        <v>1.8913887803644888E-2</v>
      </c>
      <c r="H581" s="8"/>
      <c r="S581" s="8"/>
    </row>
    <row r="582" spans="1:19">
      <c r="A582" s="6">
        <v>583</v>
      </c>
      <c r="B582" s="6">
        <v>43510</v>
      </c>
      <c r="C582" s="6">
        <v>42715</v>
      </c>
      <c r="D582" s="6">
        <f t="shared" si="18"/>
        <v>795</v>
      </c>
      <c r="E582" s="7">
        <f t="shared" si="19"/>
        <v>1.8271661686968511E-2</v>
      </c>
      <c r="H582" s="8"/>
      <c r="S582" s="8"/>
    </row>
    <row r="583" spans="1:19">
      <c r="A583" s="6">
        <v>584</v>
      </c>
      <c r="B583" s="6">
        <v>43518</v>
      </c>
      <c r="C583" s="6">
        <v>43082</v>
      </c>
      <c r="D583" s="6">
        <f t="shared" si="18"/>
        <v>436</v>
      </c>
      <c r="E583" s="7">
        <f t="shared" si="19"/>
        <v>1.0018842777701181E-2</v>
      </c>
      <c r="H583" s="8"/>
      <c r="S583" s="8"/>
    </row>
    <row r="584" spans="1:19">
      <c r="A584" s="6">
        <v>585</v>
      </c>
      <c r="B584" s="6">
        <v>43465</v>
      </c>
      <c r="C584" s="6">
        <v>43479</v>
      </c>
      <c r="D584" s="6">
        <f t="shared" si="18"/>
        <v>-14</v>
      </c>
      <c r="E584" s="7">
        <f t="shared" si="19"/>
        <v>-3.220982399631888E-4</v>
      </c>
      <c r="H584" s="8"/>
      <c r="S584" s="8"/>
    </row>
    <row r="585" spans="1:19">
      <c r="A585" s="6">
        <v>586</v>
      </c>
      <c r="B585" s="6">
        <v>43453</v>
      </c>
      <c r="C585" s="6">
        <v>43929</v>
      </c>
      <c r="D585" s="6">
        <f t="shared" si="18"/>
        <v>-476</v>
      </c>
      <c r="E585" s="7">
        <f t="shared" si="19"/>
        <v>-1.095436448576623E-2</v>
      </c>
      <c r="H585" s="8"/>
      <c r="S585" s="8"/>
    </row>
    <row r="586" spans="1:19">
      <c r="A586" s="6">
        <v>587</v>
      </c>
      <c r="B586" s="6">
        <v>43464</v>
      </c>
      <c r="C586" s="6">
        <v>43468</v>
      </c>
      <c r="D586" s="6">
        <f t="shared" si="18"/>
        <v>-4</v>
      </c>
      <c r="E586" s="7">
        <f t="shared" si="19"/>
        <v>-9.203018590097552E-5</v>
      </c>
      <c r="H586" s="8"/>
      <c r="S586" s="8"/>
    </row>
    <row r="587" spans="1:19">
      <c r="A587" s="6">
        <v>588</v>
      </c>
      <c r="B587" s="6">
        <v>43548</v>
      </c>
      <c r="C587" s="6">
        <v>43476</v>
      </c>
      <c r="D587" s="6">
        <f t="shared" si="18"/>
        <v>72</v>
      </c>
      <c r="E587" s="7">
        <f t="shared" si="19"/>
        <v>1.6533480297602646E-3</v>
      </c>
      <c r="H587" s="8"/>
      <c r="S587" s="8"/>
    </row>
    <row r="588" spans="1:19">
      <c r="A588" s="6">
        <v>589</v>
      </c>
      <c r="B588" s="6">
        <v>43475</v>
      </c>
      <c r="C588" s="6">
        <v>43544</v>
      </c>
      <c r="D588" s="6">
        <f t="shared" si="18"/>
        <v>-69</v>
      </c>
      <c r="E588" s="7">
        <f t="shared" si="19"/>
        <v>-1.5871190339275445E-3</v>
      </c>
      <c r="H588" s="8"/>
      <c r="S588" s="8"/>
    </row>
    <row r="589" spans="1:19">
      <c r="A589" s="6">
        <v>590</v>
      </c>
      <c r="B589" s="6">
        <v>43478</v>
      </c>
      <c r="C589" s="6">
        <v>43477</v>
      </c>
      <c r="D589" s="6">
        <f t="shared" si="18"/>
        <v>1</v>
      </c>
      <c r="E589" s="7">
        <f t="shared" si="19"/>
        <v>2.3000138000828006E-5</v>
      </c>
      <c r="H589" s="8"/>
      <c r="S589" s="8"/>
    </row>
    <row r="590" spans="1:19">
      <c r="A590" s="6">
        <v>591</v>
      </c>
      <c r="B590" s="6">
        <v>43506</v>
      </c>
      <c r="C590" s="6">
        <v>43473</v>
      </c>
      <c r="D590" s="6">
        <f t="shared" si="18"/>
        <v>33</v>
      </c>
      <c r="E590" s="7">
        <f t="shared" si="19"/>
        <v>7.5851606674941393E-4</v>
      </c>
      <c r="H590" s="8"/>
      <c r="S590" s="8"/>
    </row>
    <row r="591" spans="1:19">
      <c r="A591" s="6">
        <v>592</v>
      </c>
      <c r="B591" s="6">
        <v>43473</v>
      </c>
      <c r="C591" s="6">
        <v>43907</v>
      </c>
      <c r="D591" s="6">
        <f t="shared" si="18"/>
        <v>-434</v>
      </c>
      <c r="E591" s="7">
        <f t="shared" si="19"/>
        <v>-9.9832079681641487E-3</v>
      </c>
      <c r="H591" s="8"/>
      <c r="S591" s="8"/>
    </row>
    <row r="592" spans="1:19">
      <c r="A592" s="6">
        <v>593</v>
      </c>
      <c r="B592" s="6">
        <v>43474</v>
      </c>
      <c r="C592" s="6">
        <v>44358</v>
      </c>
      <c r="D592" s="6">
        <f t="shared" si="18"/>
        <v>-884</v>
      </c>
      <c r="E592" s="7">
        <f t="shared" si="19"/>
        <v>-2.0333992731287664E-2</v>
      </c>
      <c r="H592" s="8"/>
      <c r="S592" s="8"/>
    </row>
    <row r="593" spans="1:19">
      <c r="A593" s="6">
        <v>594</v>
      </c>
      <c r="B593" s="6">
        <v>43473</v>
      </c>
      <c r="C593" s="6">
        <v>44299</v>
      </c>
      <c r="D593" s="6">
        <f t="shared" si="18"/>
        <v>-826</v>
      </c>
      <c r="E593" s="7">
        <f t="shared" si="19"/>
        <v>-1.9000299036183377E-2</v>
      </c>
      <c r="H593" s="8"/>
      <c r="S593" s="8"/>
    </row>
    <row r="594" spans="1:19">
      <c r="A594" s="6">
        <v>595</v>
      </c>
      <c r="B594" s="6">
        <v>43494</v>
      </c>
      <c r="C594" s="6">
        <v>44306</v>
      </c>
      <c r="D594" s="6">
        <f t="shared" si="18"/>
        <v>-812</v>
      </c>
      <c r="E594" s="7">
        <f t="shared" si="19"/>
        <v>-1.8669241734492113E-2</v>
      </c>
      <c r="H594" s="8"/>
      <c r="S594" s="8"/>
    </row>
    <row r="595" spans="1:19">
      <c r="A595" s="6">
        <v>596</v>
      </c>
      <c r="B595" s="6">
        <v>43477</v>
      </c>
      <c r="C595" s="6">
        <v>44358</v>
      </c>
      <c r="D595" s="6">
        <f t="shared" si="18"/>
        <v>-881</v>
      </c>
      <c r="E595" s="7">
        <f t="shared" si="19"/>
        <v>-2.0263587644041677E-2</v>
      </c>
      <c r="H595" s="8"/>
      <c r="S595" s="8"/>
    </row>
    <row r="596" spans="1:19">
      <c r="A596" s="6">
        <v>597</v>
      </c>
      <c r="B596" s="6">
        <v>43490</v>
      </c>
      <c r="C596" s="6">
        <v>44326</v>
      </c>
      <c r="D596" s="6">
        <f t="shared" si="18"/>
        <v>-836</v>
      </c>
      <c r="E596" s="7">
        <f t="shared" si="19"/>
        <v>-1.9222809841342836E-2</v>
      </c>
      <c r="H596" s="8"/>
      <c r="S596" s="8"/>
    </row>
    <row r="597" spans="1:19">
      <c r="A597" s="6">
        <v>598</v>
      </c>
      <c r="B597" s="6">
        <v>43477</v>
      </c>
      <c r="C597" s="6">
        <v>44300</v>
      </c>
      <c r="D597" s="6">
        <f t="shared" si="18"/>
        <v>-823</v>
      </c>
      <c r="E597" s="7">
        <f t="shared" si="19"/>
        <v>-1.8929548956919749E-2</v>
      </c>
      <c r="H597" s="8"/>
      <c r="S597" s="8"/>
    </row>
    <row r="598" spans="1:19">
      <c r="A598" s="6">
        <v>599</v>
      </c>
      <c r="B598" s="6">
        <v>43514</v>
      </c>
      <c r="C598" s="6">
        <v>44310</v>
      </c>
      <c r="D598" s="6">
        <f t="shared" si="18"/>
        <v>-796</v>
      </c>
      <c r="E598" s="7">
        <f t="shared" si="19"/>
        <v>-1.8292963184262535E-2</v>
      </c>
      <c r="H598" s="8"/>
      <c r="S598" s="8"/>
    </row>
    <row r="599" spans="1:19">
      <c r="A599" s="6">
        <v>600</v>
      </c>
      <c r="B599" s="6">
        <v>43492</v>
      </c>
      <c r="C599" s="6">
        <v>44833</v>
      </c>
      <c r="D599" s="6">
        <f t="shared" si="18"/>
        <v>-1341</v>
      </c>
      <c r="E599" s="7">
        <f t="shared" si="19"/>
        <v>-3.0833256690885682E-2</v>
      </c>
      <c r="H599" s="8"/>
      <c r="S599" s="8"/>
    </row>
    <row r="600" spans="1:19">
      <c r="A600" s="6">
        <v>601</v>
      </c>
      <c r="B600" s="6">
        <v>43482</v>
      </c>
      <c r="C600" s="6">
        <v>45146</v>
      </c>
      <c r="D600" s="6">
        <f t="shared" si="18"/>
        <v>-1664</v>
      </c>
      <c r="E600" s="7">
        <f t="shared" si="19"/>
        <v>-3.8268708891035369E-2</v>
      </c>
      <c r="H600" s="8"/>
      <c r="S600" s="8"/>
    </row>
    <row r="601" spans="1:19">
      <c r="A601" s="6">
        <v>602</v>
      </c>
      <c r="B601" s="6">
        <v>43469</v>
      </c>
      <c r="C601" s="6">
        <v>45204</v>
      </c>
      <c r="D601" s="6">
        <f t="shared" si="18"/>
        <v>-1735</v>
      </c>
      <c r="E601" s="7">
        <f t="shared" si="19"/>
        <v>-3.9913501575835654E-2</v>
      </c>
      <c r="H601" s="8"/>
      <c r="S601" s="8"/>
    </row>
    <row r="602" spans="1:19">
      <c r="A602" s="6">
        <v>603</v>
      </c>
      <c r="B602" s="6">
        <v>44257</v>
      </c>
      <c r="C602" s="6">
        <v>45560</v>
      </c>
      <c r="D602" s="6">
        <f t="shared" si="18"/>
        <v>-1303</v>
      </c>
      <c r="E602" s="7">
        <f t="shared" si="19"/>
        <v>-2.9441670244255147E-2</v>
      </c>
      <c r="H602" s="8"/>
      <c r="S602" s="8"/>
    </row>
    <row r="603" spans="1:19">
      <c r="A603" s="6">
        <v>604</v>
      </c>
      <c r="B603" s="6">
        <v>43467</v>
      </c>
      <c r="C603" s="6">
        <v>45142</v>
      </c>
      <c r="D603" s="6">
        <f t="shared" si="18"/>
        <v>-1675</v>
      </c>
      <c r="E603" s="7">
        <f t="shared" si="19"/>
        <v>-3.8534980559965029E-2</v>
      </c>
      <c r="H603" s="8"/>
      <c r="S603" s="8"/>
    </row>
    <row r="604" spans="1:19">
      <c r="A604" s="6">
        <v>605</v>
      </c>
      <c r="B604" s="6">
        <v>43453</v>
      </c>
      <c r="C604" s="6">
        <v>45173</v>
      </c>
      <c r="D604" s="6">
        <f t="shared" si="18"/>
        <v>-1720</v>
      </c>
      <c r="E604" s="7">
        <f t="shared" si="19"/>
        <v>-3.9582997721676297E-2</v>
      </c>
      <c r="H604" s="8"/>
      <c r="S604" s="8"/>
    </row>
    <row r="605" spans="1:19">
      <c r="A605" s="6">
        <v>606</v>
      </c>
      <c r="B605" s="6">
        <v>43582</v>
      </c>
      <c r="C605" s="6">
        <v>45141</v>
      </c>
      <c r="D605" s="6">
        <f t="shared" si="18"/>
        <v>-1559</v>
      </c>
      <c r="E605" s="7">
        <f t="shared" si="19"/>
        <v>-3.5771648845853793E-2</v>
      </c>
      <c r="H605" s="8"/>
      <c r="S605" s="8"/>
    </row>
    <row r="606" spans="1:19">
      <c r="A606" s="6">
        <v>607</v>
      </c>
      <c r="B606" s="6">
        <v>43940</v>
      </c>
      <c r="C606" s="6">
        <v>45138</v>
      </c>
      <c r="D606" s="6">
        <f t="shared" si="18"/>
        <v>-1198</v>
      </c>
      <c r="E606" s="7">
        <f t="shared" si="19"/>
        <v>-2.7264451524806554E-2</v>
      </c>
      <c r="H606" s="8"/>
      <c r="S606" s="8"/>
    </row>
    <row r="607" spans="1:19">
      <c r="A607" s="6">
        <v>608</v>
      </c>
      <c r="B607" s="6">
        <v>43934</v>
      </c>
      <c r="C607" s="6">
        <v>45562</v>
      </c>
      <c r="D607" s="6">
        <f t="shared" si="18"/>
        <v>-1628</v>
      </c>
      <c r="E607" s="7">
        <f t="shared" si="19"/>
        <v>-3.7055583375062595E-2</v>
      </c>
      <c r="H607" s="8"/>
      <c r="S607" s="8"/>
    </row>
    <row r="608" spans="1:19">
      <c r="A608" s="6">
        <v>609</v>
      </c>
      <c r="B608" s="6">
        <v>44333</v>
      </c>
      <c r="C608" s="6">
        <v>45982</v>
      </c>
      <c r="D608" s="6">
        <f t="shared" si="18"/>
        <v>-1649</v>
      </c>
      <c r="E608" s="7">
        <f t="shared" si="19"/>
        <v>-3.7195768389236009E-2</v>
      </c>
      <c r="H608" s="8"/>
      <c r="S608" s="8"/>
    </row>
    <row r="609" spans="1:19">
      <c r="A609" s="6">
        <v>610</v>
      </c>
      <c r="B609" s="6">
        <v>44387</v>
      </c>
      <c r="C609" s="6">
        <v>45966</v>
      </c>
      <c r="D609" s="6">
        <f t="shared" si="18"/>
        <v>-1579</v>
      </c>
      <c r="E609" s="7">
        <f t="shared" si="19"/>
        <v>-3.5573478721247213E-2</v>
      </c>
      <c r="H609" s="8"/>
      <c r="S609" s="8"/>
    </row>
    <row r="610" spans="1:19">
      <c r="A610" s="6">
        <v>611</v>
      </c>
      <c r="B610" s="6">
        <v>44315</v>
      </c>
      <c r="C610" s="6">
        <v>46108</v>
      </c>
      <c r="D610" s="6">
        <f t="shared" si="18"/>
        <v>-1793</v>
      </c>
      <c r="E610" s="7">
        <f t="shared" si="19"/>
        <v>-4.0460340742412275E-2</v>
      </c>
      <c r="H610" s="8"/>
      <c r="S610" s="8"/>
    </row>
    <row r="611" spans="1:19">
      <c r="A611" s="6">
        <v>612</v>
      </c>
      <c r="B611" s="6">
        <v>44303</v>
      </c>
      <c r="C611" s="6">
        <v>45980</v>
      </c>
      <c r="D611" s="6">
        <f t="shared" si="18"/>
        <v>-1677</v>
      </c>
      <c r="E611" s="7">
        <f t="shared" si="19"/>
        <v>-3.7852967067692936E-2</v>
      </c>
      <c r="H611" s="8"/>
      <c r="S611" s="8"/>
    </row>
    <row r="612" spans="1:19">
      <c r="A612" s="6">
        <v>613</v>
      </c>
      <c r="B612" s="6">
        <v>44312</v>
      </c>
      <c r="C612" s="6">
        <v>45992</v>
      </c>
      <c r="D612" s="6">
        <f t="shared" si="18"/>
        <v>-1680</v>
      </c>
      <c r="E612" s="7">
        <f t="shared" si="19"/>
        <v>-3.791298068243365E-2</v>
      </c>
      <c r="H612" s="8"/>
      <c r="S612" s="8"/>
    </row>
    <row r="613" spans="1:19">
      <c r="A613" s="6">
        <v>614</v>
      </c>
      <c r="B613" s="6">
        <v>44290</v>
      </c>
      <c r="C613" s="6">
        <v>45967</v>
      </c>
      <c r="D613" s="6">
        <f t="shared" si="18"/>
        <v>-1677</v>
      </c>
      <c r="E613" s="7">
        <f t="shared" si="19"/>
        <v>-3.7864077669902914E-2</v>
      </c>
      <c r="H613" s="8"/>
      <c r="S613" s="8"/>
    </row>
    <row r="614" spans="1:19">
      <c r="A614" s="6">
        <v>615</v>
      </c>
      <c r="B614" s="6">
        <v>44367</v>
      </c>
      <c r="C614" s="6">
        <v>45982</v>
      </c>
      <c r="D614" s="6">
        <f t="shared" si="18"/>
        <v>-1615</v>
      </c>
      <c r="E614" s="7">
        <f t="shared" si="19"/>
        <v>-3.640092861811707E-2</v>
      </c>
      <c r="H614" s="8"/>
      <c r="S614" s="8"/>
    </row>
    <row r="615" spans="1:19">
      <c r="A615" s="6">
        <v>616</v>
      </c>
      <c r="B615" s="6">
        <v>44301</v>
      </c>
      <c r="C615" s="6">
        <v>46402</v>
      </c>
      <c r="D615" s="6">
        <f t="shared" si="18"/>
        <v>-2101</v>
      </c>
      <c r="E615" s="7">
        <f t="shared" si="19"/>
        <v>-4.7425566014311187E-2</v>
      </c>
      <c r="H615" s="8"/>
      <c r="S615" s="8"/>
    </row>
    <row r="616" spans="1:19">
      <c r="A616" s="6">
        <v>617</v>
      </c>
      <c r="B616" s="6">
        <v>44336</v>
      </c>
      <c r="C616" s="6">
        <v>46789</v>
      </c>
      <c r="D616" s="6">
        <f t="shared" si="18"/>
        <v>-2453</v>
      </c>
      <c r="E616" s="7">
        <f t="shared" si="19"/>
        <v>-5.5327499097798626E-2</v>
      </c>
      <c r="H616" s="8"/>
      <c r="S616" s="8"/>
    </row>
    <row r="617" spans="1:19">
      <c r="A617" s="6">
        <v>618</v>
      </c>
      <c r="B617" s="6">
        <v>44314</v>
      </c>
      <c r="C617" s="6">
        <v>46819</v>
      </c>
      <c r="D617" s="6">
        <f t="shared" si="18"/>
        <v>-2505</v>
      </c>
      <c r="E617" s="7">
        <f t="shared" si="19"/>
        <v>-5.6528410885950266E-2</v>
      </c>
      <c r="H617" s="8"/>
      <c r="S617" s="8"/>
    </row>
    <row r="618" spans="1:19">
      <c r="A618" s="6">
        <v>619</v>
      </c>
      <c r="B618" s="6">
        <v>44372</v>
      </c>
      <c r="C618" s="6">
        <v>46797</v>
      </c>
      <c r="D618" s="6">
        <f t="shared" si="18"/>
        <v>-2425</v>
      </c>
      <c r="E618" s="7">
        <f t="shared" si="19"/>
        <v>-5.4651582078788424E-2</v>
      </c>
      <c r="H618" s="8"/>
      <c r="S618" s="8"/>
    </row>
    <row r="619" spans="1:19">
      <c r="A619" s="6">
        <v>620</v>
      </c>
      <c r="B619" s="6">
        <v>44295</v>
      </c>
      <c r="C619" s="6">
        <v>46805</v>
      </c>
      <c r="D619" s="6">
        <f t="shared" si="18"/>
        <v>-2510</v>
      </c>
      <c r="E619" s="7">
        <f t="shared" si="19"/>
        <v>-5.6665537871091548E-2</v>
      </c>
      <c r="H619" s="8"/>
      <c r="S619" s="8"/>
    </row>
    <row r="620" spans="1:19">
      <c r="A620" s="6">
        <v>621</v>
      </c>
      <c r="B620" s="6">
        <v>44371</v>
      </c>
      <c r="C620" s="6">
        <v>46814</v>
      </c>
      <c r="D620" s="6">
        <f t="shared" si="18"/>
        <v>-2443</v>
      </c>
      <c r="E620" s="7">
        <f t="shared" si="19"/>
        <v>-5.5058484145049692E-2</v>
      </c>
      <c r="H620" s="8"/>
      <c r="S620" s="8"/>
    </row>
    <row r="621" spans="1:19">
      <c r="A621" s="6">
        <v>622</v>
      </c>
      <c r="B621" s="6">
        <v>44611</v>
      </c>
      <c r="C621" s="6">
        <v>46809</v>
      </c>
      <c r="D621" s="6">
        <f t="shared" si="18"/>
        <v>-2198</v>
      </c>
      <c r="E621" s="7">
        <f t="shared" si="19"/>
        <v>-4.9270359328416759E-2</v>
      </c>
      <c r="H621" s="8"/>
      <c r="S621" s="8"/>
    </row>
    <row r="622" spans="1:19">
      <c r="A622" s="6">
        <v>623</v>
      </c>
      <c r="B622" s="6">
        <v>44319</v>
      </c>
      <c r="C622" s="6">
        <v>46818</v>
      </c>
      <c r="D622" s="6">
        <f t="shared" si="18"/>
        <v>-2499</v>
      </c>
      <c r="E622" s="7">
        <f t="shared" si="19"/>
        <v>-5.6386651323360182E-2</v>
      </c>
      <c r="H622" s="8"/>
      <c r="S622" s="8"/>
    </row>
    <row r="623" spans="1:19">
      <c r="A623" s="6">
        <v>624</v>
      </c>
      <c r="B623" s="6">
        <v>44803</v>
      </c>
      <c r="C623" s="6">
        <v>47346</v>
      </c>
      <c r="D623" s="6">
        <f t="shared" si="18"/>
        <v>-2543</v>
      </c>
      <c r="E623" s="7">
        <f t="shared" si="19"/>
        <v>-5.6759591991607704E-2</v>
      </c>
      <c r="H623" s="8"/>
      <c r="S623" s="8"/>
    </row>
    <row r="624" spans="1:19">
      <c r="A624" s="6">
        <v>625</v>
      </c>
      <c r="B624" s="6">
        <v>44719</v>
      </c>
      <c r="C624" s="6">
        <v>47702</v>
      </c>
      <c r="D624" s="6">
        <f t="shared" si="18"/>
        <v>-2983</v>
      </c>
      <c r="E624" s="7">
        <f t="shared" si="19"/>
        <v>-6.6705427223327896E-2</v>
      </c>
      <c r="H624" s="8"/>
      <c r="S624" s="8"/>
    </row>
    <row r="625" spans="1:19">
      <c r="A625" s="6">
        <v>626</v>
      </c>
      <c r="B625" s="6">
        <v>44737</v>
      </c>
      <c r="C625" s="6">
        <v>47640</v>
      </c>
      <c r="D625" s="6">
        <f t="shared" si="18"/>
        <v>-2903</v>
      </c>
      <c r="E625" s="7">
        <f t="shared" si="19"/>
        <v>-6.4890359210496906E-2</v>
      </c>
      <c r="H625" s="8"/>
      <c r="S625" s="8"/>
    </row>
    <row r="626" spans="1:19">
      <c r="A626" s="6">
        <v>627</v>
      </c>
      <c r="B626" s="6">
        <v>44734</v>
      </c>
      <c r="C626" s="6">
        <v>47648</v>
      </c>
      <c r="D626" s="6">
        <f t="shared" si="18"/>
        <v>-2914</v>
      </c>
      <c r="E626" s="7">
        <f t="shared" si="19"/>
        <v>-6.5140608932802796E-2</v>
      </c>
      <c r="H626" s="8"/>
      <c r="S626" s="8"/>
    </row>
    <row r="627" spans="1:19">
      <c r="A627" s="6">
        <v>628</v>
      </c>
      <c r="B627" s="6">
        <v>44718</v>
      </c>
      <c r="C627" s="6">
        <v>47663</v>
      </c>
      <c r="D627" s="6">
        <f t="shared" si="18"/>
        <v>-2945</v>
      </c>
      <c r="E627" s="7">
        <f t="shared" si="19"/>
        <v>-6.5857149246388483E-2</v>
      </c>
      <c r="H627" s="8"/>
      <c r="S627" s="8"/>
    </row>
    <row r="628" spans="1:19">
      <c r="A628" s="6">
        <v>629</v>
      </c>
      <c r="B628" s="6">
        <v>44743</v>
      </c>
      <c r="C628" s="6">
        <v>47660</v>
      </c>
      <c r="D628" s="6">
        <f t="shared" si="18"/>
        <v>-2917</v>
      </c>
      <c r="E628" s="7">
        <f t="shared" si="19"/>
        <v>-6.5194555572938781E-2</v>
      </c>
      <c r="H628" s="8"/>
      <c r="S628" s="8"/>
    </row>
    <row r="629" spans="1:19">
      <c r="A629" s="6">
        <v>630</v>
      </c>
      <c r="B629" s="6">
        <v>44723</v>
      </c>
      <c r="C629" s="6">
        <v>47704</v>
      </c>
      <c r="D629" s="6">
        <f t="shared" si="18"/>
        <v>-2981</v>
      </c>
      <c r="E629" s="7">
        <f t="shared" si="19"/>
        <v>-6.6654741408223958E-2</v>
      </c>
      <c r="H629" s="8"/>
      <c r="S629" s="8"/>
    </row>
    <row r="630" spans="1:19">
      <c r="A630" s="6">
        <v>631</v>
      </c>
      <c r="B630" s="6">
        <v>44722</v>
      </c>
      <c r="C630" s="6">
        <v>47652</v>
      </c>
      <c r="D630" s="6">
        <f t="shared" si="18"/>
        <v>-2930</v>
      </c>
      <c r="E630" s="7">
        <f t="shared" si="19"/>
        <v>-6.5515853494924198E-2</v>
      </c>
      <c r="H630" s="8"/>
      <c r="S630" s="8"/>
    </row>
    <row r="631" spans="1:19">
      <c r="A631" s="6">
        <v>632</v>
      </c>
      <c r="B631" s="6">
        <v>44717</v>
      </c>
      <c r="C631" s="6">
        <v>48089</v>
      </c>
      <c r="D631" s="6">
        <f t="shared" si="18"/>
        <v>-3372</v>
      </c>
      <c r="E631" s="7">
        <f t="shared" si="19"/>
        <v>-7.5407563119171683E-2</v>
      </c>
      <c r="H631" s="8"/>
      <c r="S631" s="8"/>
    </row>
    <row r="632" spans="1:19">
      <c r="A632" s="6">
        <v>633</v>
      </c>
      <c r="B632" s="6">
        <v>44750</v>
      </c>
      <c r="C632" s="6">
        <v>48490</v>
      </c>
      <c r="D632" s="6">
        <f t="shared" si="18"/>
        <v>-3740</v>
      </c>
      <c r="E632" s="7">
        <f t="shared" si="19"/>
        <v>-8.3575418994413411E-2</v>
      </c>
      <c r="H632" s="8"/>
      <c r="S632" s="8"/>
    </row>
    <row r="633" spans="1:19">
      <c r="A633" s="6">
        <v>634</v>
      </c>
      <c r="B633" s="6">
        <v>44808</v>
      </c>
      <c r="C633" s="6">
        <v>48538</v>
      </c>
      <c r="D633" s="6">
        <f t="shared" si="18"/>
        <v>-3730</v>
      </c>
      <c r="E633" s="7">
        <f t="shared" si="19"/>
        <v>-8.324406356007856E-2</v>
      </c>
      <c r="H633" s="8"/>
      <c r="S633" s="8"/>
    </row>
    <row r="634" spans="1:19">
      <c r="A634" s="6">
        <v>635</v>
      </c>
      <c r="B634" s="6">
        <v>44882</v>
      </c>
      <c r="C634" s="6">
        <v>48479</v>
      </c>
      <c r="D634" s="6">
        <f t="shared" si="18"/>
        <v>-3597</v>
      </c>
      <c r="E634" s="7">
        <f t="shared" si="19"/>
        <v>-8.0143487366873128E-2</v>
      </c>
      <c r="H634" s="8"/>
      <c r="S634" s="8"/>
    </row>
    <row r="635" spans="1:19">
      <c r="A635" s="6">
        <v>636</v>
      </c>
      <c r="B635" s="6">
        <v>44725</v>
      </c>
      <c r="C635" s="6">
        <v>48485</v>
      </c>
      <c r="D635" s="6">
        <f t="shared" si="18"/>
        <v>-3760</v>
      </c>
      <c r="E635" s="7">
        <f t="shared" si="19"/>
        <v>-8.4069312465064286E-2</v>
      </c>
      <c r="H635" s="8"/>
      <c r="S635" s="8"/>
    </row>
    <row r="636" spans="1:19">
      <c r="A636" s="6">
        <v>637</v>
      </c>
      <c r="B636" s="6">
        <v>44771</v>
      </c>
      <c r="C636" s="6">
        <v>48460</v>
      </c>
      <c r="D636" s="6">
        <f t="shared" si="18"/>
        <v>-3689</v>
      </c>
      <c r="E636" s="7">
        <f t="shared" si="19"/>
        <v>-8.2397087400326099E-2</v>
      </c>
      <c r="H636" s="8"/>
      <c r="S636" s="8"/>
    </row>
    <row r="637" spans="1:19">
      <c r="A637" s="6">
        <v>638</v>
      </c>
      <c r="B637" s="6">
        <v>44793</v>
      </c>
      <c r="C637" s="6">
        <v>48474</v>
      </c>
      <c r="D637" s="6">
        <f t="shared" si="18"/>
        <v>-3681</v>
      </c>
      <c r="E637" s="7">
        <f t="shared" si="19"/>
        <v>-8.2178018886879645E-2</v>
      </c>
      <c r="H637" s="8"/>
      <c r="S637" s="8"/>
    </row>
    <row r="638" spans="1:19">
      <c r="A638" s="6">
        <v>639</v>
      </c>
      <c r="B638" s="6">
        <v>44776</v>
      </c>
      <c r="C638" s="6">
        <v>48473</v>
      </c>
      <c r="D638" s="6">
        <f t="shared" si="18"/>
        <v>-3697</v>
      </c>
      <c r="E638" s="7">
        <f t="shared" si="19"/>
        <v>-8.2566553510809368E-2</v>
      </c>
      <c r="H638" s="8"/>
      <c r="S638" s="8"/>
    </row>
    <row r="639" spans="1:19">
      <c r="A639" s="6">
        <v>640</v>
      </c>
      <c r="B639" s="6">
        <v>43889</v>
      </c>
      <c r="C639" s="6">
        <v>44505</v>
      </c>
      <c r="D639" s="6">
        <f t="shared" si="18"/>
        <v>-616</v>
      </c>
      <c r="E639" s="7">
        <f t="shared" si="19"/>
        <v>-1.4035407505297455E-2</v>
      </c>
      <c r="H639" s="8"/>
      <c r="S639" s="8"/>
    </row>
    <row r="640" spans="1:19">
      <c r="A640" s="6">
        <v>641</v>
      </c>
      <c r="B640" s="6">
        <v>46850</v>
      </c>
      <c r="C640" s="6">
        <v>45964</v>
      </c>
      <c r="D640" s="6">
        <f t="shared" si="18"/>
        <v>886</v>
      </c>
      <c r="E640" s="7">
        <f t="shared" si="19"/>
        <v>1.8911419423692635E-2</v>
      </c>
      <c r="H640" s="8"/>
      <c r="S640" s="8"/>
    </row>
    <row r="641" spans="1:19">
      <c r="A641" s="6">
        <v>642</v>
      </c>
      <c r="B641" s="6">
        <v>46875</v>
      </c>
      <c r="C641" s="6">
        <v>45977</v>
      </c>
      <c r="D641" s="6">
        <f t="shared" si="18"/>
        <v>898</v>
      </c>
      <c r="E641" s="7">
        <f t="shared" si="19"/>
        <v>1.9157333333333332E-2</v>
      </c>
      <c r="H641" s="8"/>
      <c r="S641" s="8"/>
    </row>
    <row r="642" spans="1:19">
      <c r="A642" s="6">
        <v>643</v>
      </c>
      <c r="B642" s="6">
        <v>46810</v>
      </c>
      <c r="C642" s="6">
        <v>45983</v>
      </c>
      <c r="D642" s="6">
        <f t="shared" si="18"/>
        <v>827</v>
      </c>
      <c r="E642" s="7">
        <f t="shared" si="19"/>
        <v>1.7667165135654774E-2</v>
      </c>
      <c r="H642" s="8"/>
      <c r="S642" s="8"/>
    </row>
    <row r="643" spans="1:19">
      <c r="A643" s="6">
        <v>644</v>
      </c>
      <c r="B643" s="6">
        <v>46862</v>
      </c>
      <c r="C643" s="6">
        <v>45995</v>
      </c>
      <c r="D643" s="6">
        <f t="shared" si="18"/>
        <v>867</v>
      </c>
      <c r="E643" s="7">
        <f t="shared" si="19"/>
        <v>1.8501130980325211E-2</v>
      </c>
      <c r="H643" s="8"/>
      <c r="S643" s="8"/>
    </row>
    <row r="644" spans="1:19">
      <c r="A644" s="6">
        <v>645</v>
      </c>
      <c r="B644" s="6">
        <v>46803</v>
      </c>
      <c r="C644" s="6">
        <v>45981</v>
      </c>
      <c r="D644" s="6">
        <f t="shared" ref="D644:D707" si="20">B644-C644</f>
        <v>822</v>
      </c>
      <c r="E644" s="7">
        <f t="shared" ref="E644:E707" si="21">D644/B644</f>
        <v>1.7562976732260753E-2</v>
      </c>
      <c r="H644" s="8"/>
      <c r="S644" s="8"/>
    </row>
    <row r="645" spans="1:19">
      <c r="A645" s="6">
        <v>646</v>
      </c>
      <c r="B645" s="6">
        <v>46923</v>
      </c>
      <c r="C645" s="6">
        <v>46002</v>
      </c>
      <c r="D645" s="6">
        <f t="shared" si="20"/>
        <v>921</v>
      </c>
      <c r="E645" s="7">
        <f t="shared" si="21"/>
        <v>1.9627901029345949E-2</v>
      </c>
      <c r="H645" s="8"/>
      <c r="S645" s="8"/>
    </row>
    <row r="646" spans="1:19">
      <c r="A646" s="6">
        <v>647</v>
      </c>
      <c r="B646" s="6">
        <v>46842</v>
      </c>
      <c r="C646" s="6">
        <v>46684</v>
      </c>
      <c r="D646" s="6">
        <f t="shared" si="20"/>
        <v>158</v>
      </c>
      <c r="E646" s="7">
        <f t="shared" si="21"/>
        <v>3.3730412877332307E-3</v>
      </c>
      <c r="H646" s="8"/>
      <c r="S646" s="8"/>
    </row>
    <row r="647" spans="1:19">
      <c r="A647" s="6">
        <v>648</v>
      </c>
      <c r="B647" s="6">
        <v>46843</v>
      </c>
      <c r="C647" s="6">
        <v>46395</v>
      </c>
      <c r="D647" s="6">
        <f t="shared" si="20"/>
        <v>448</v>
      </c>
      <c r="E647" s="7">
        <f t="shared" si="21"/>
        <v>9.5638622633050837E-3</v>
      </c>
      <c r="H647" s="8"/>
      <c r="S647" s="8"/>
    </row>
    <row r="648" spans="1:19">
      <c r="A648" s="6">
        <v>649</v>
      </c>
      <c r="B648" s="6">
        <v>46799</v>
      </c>
      <c r="C648" s="6">
        <v>46798</v>
      </c>
      <c r="D648" s="6">
        <f t="shared" si="20"/>
        <v>1</v>
      </c>
      <c r="E648" s="7">
        <f t="shared" si="21"/>
        <v>2.1367977948246757E-5</v>
      </c>
      <c r="H648" s="8"/>
      <c r="S648" s="8"/>
    </row>
    <row r="649" spans="1:19">
      <c r="A649" s="6">
        <v>650</v>
      </c>
      <c r="B649" s="6">
        <v>46823</v>
      </c>
      <c r="C649" s="6">
        <v>46852</v>
      </c>
      <c r="D649" s="6">
        <f t="shared" si="20"/>
        <v>-29</v>
      </c>
      <c r="E649" s="7">
        <f t="shared" si="21"/>
        <v>-6.1935373641159263E-4</v>
      </c>
      <c r="H649" s="8"/>
      <c r="S649" s="8"/>
    </row>
    <row r="650" spans="1:19">
      <c r="A650" s="6">
        <v>651</v>
      </c>
      <c r="B650" s="6">
        <v>46858</v>
      </c>
      <c r="C650" s="6">
        <v>46808</v>
      </c>
      <c r="D650" s="6">
        <f t="shared" si="20"/>
        <v>50</v>
      </c>
      <c r="E650" s="7">
        <f t="shared" si="21"/>
        <v>1.0670536514575952E-3</v>
      </c>
      <c r="H650" s="8"/>
      <c r="S650" s="8"/>
    </row>
    <row r="651" spans="1:19">
      <c r="A651" s="6">
        <v>652</v>
      </c>
      <c r="B651" s="6">
        <v>46937</v>
      </c>
      <c r="C651" s="6">
        <v>46802</v>
      </c>
      <c r="D651" s="6">
        <f t="shared" si="20"/>
        <v>135</v>
      </c>
      <c r="E651" s="7">
        <f t="shared" si="21"/>
        <v>2.876195751752349E-3</v>
      </c>
      <c r="H651" s="8"/>
      <c r="S651" s="8"/>
    </row>
    <row r="652" spans="1:19">
      <c r="A652" s="6">
        <v>653</v>
      </c>
      <c r="B652" s="6">
        <v>46809</v>
      </c>
      <c r="C652" s="6">
        <v>46865</v>
      </c>
      <c r="D652" s="6">
        <f t="shared" si="20"/>
        <v>-56</v>
      </c>
      <c r="E652" s="7">
        <f t="shared" si="21"/>
        <v>-1.196351129056378E-3</v>
      </c>
      <c r="H652" s="8"/>
      <c r="S652" s="8"/>
    </row>
    <row r="653" spans="1:19">
      <c r="A653" s="6">
        <v>654</v>
      </c>
      <c r="B653" s="6">
        <v>46814</v>
      </c>
      <c r="C653" s="6">
        <v>46823</v>
      </c>
      <c r="D653" s="6">
        <f t="shared" si="20"/>
        <v>-9</v>
      </c>
      <c r="E653" s="7">
        <f t="shared" si="21"/>
        <v>-1.9225018156961593E-4</v>
      </c>
      <c r="H653" s="8"/>
      <c r="S653" s="8"/>
    </row>
    <row r="654" spans="1:19">
      <c r="A654" s="6">
        <v>655</v>
      </c>
      <c r="B654" s="6">
        <v>46823</v>
      </c>
      <c r="C654" s="6">
        <v>46834</v>
      </c>
      <c r="D654" s="6">
        <f t="shared" si="20"/>
        <v>-11</v>
      </c>
      <c r="E654" s="7">
        <f t="shared" si="21"/>
        <v>-2.3492727932853511E-4</v>
      </c>
      <c r="H654" s="8"/>
      <c r="S654" s="8"/>
    </row>
    <row r="655" spans="1:19">
      <c r="A655" s="6">
        <v>656</v>
      </c>
      <c r="B655" s="6">
        <v>46873</v>
      </c>
      <c r="C655" s="6">
        <v>47290</v>
      </c>
      <c r="D655" s="6">
        <f t="shared" si="20"/>
        <v>-417</v>
      </c>
      <c r="E655" s="7">
        <f t="shared" si="21"/>
        <v>-8.8963795788620306E-3</v>
      </c>
      <c r="H655" s="8"/>
      <c r="S655" s="8"/>
    </row>
    <row r="656" spans="1:19">
      <c r="A656" s="6">
        <v>657</v>
      </c>
      <c r="B656" s="6">
        <v>46802</v>
      </c>
      <c r="C656" s="6">
        <v>47644</v>
      </c>
      <c r="D656" s="6">
        <f t="shared" si="20"/>
        <v>-842</v>
      </c>
      <c r="E656" s="7">
        <f t="shared" si="21"/>
        <v>-1.7990684158796632E-2</v>
      </c>
      <c r="H656" s="8"/>
      <c r="S656" s="8"/>
    </row>
    <row r="657" spans="1:19">
      <c r="A657" s="6">
        <v>658</v>
      </c>
      <c r="B657" s="6">
        <v>46810</v>
      </c>
      <c r="C657" s="6">
        <v>47664</v>
      </c>
      <c r="D657" s="6">
        <f t="shared" si="20"/>
        <v>-854</v>
      </c>
      <c r="E657" s="7">
        <f t="shared" si="21"/>
        <v>-1.8243964964751121E-2</v>
      </c>
      <c r="H657" s="8"/>
      <c r="S657" s="8"/>
    </row>
    <row r="658" spans="1:19">
      <c r="A658" s="6">
        <v>659</v>
      </c>
      <c r="B658" s="6">
        <v>46807</v>
      </c>
      <c r="C658" s="6">
        <v>47644</v>
      </c>
      <c r="D658" s="6">
        <f t="shared" si="20"/>
        <v>-837</v>
      </c>
      <c r="E658" s="7">
        <f t="shared" si="21"/>
        <v>-1.7881940735360095E-2</v>
      </c>
      <c r="H658" s="8"/>
      <c r="S658" s="8"/>
    </row>
    <row r="659" spans="1:19">
      <c r="A659" s="6">
        <v>660</v>
      </c>
      <c r="B659" s="6">
        <v>46813</v>
      </c>
      <c r="C659" s="6">
        <v>47637</v>
      </c>
      <c r="D659" s="6">
        <f t="shared" si="20"/>
        <v>-824</v>
      </c>
      <c r="E659" s="7">
        <f t="shared" si="21"/>
        <v>-1.76019481767885E-2</v>
      </c>
      <c r="H659" s="8"/>
      <c r="S659" s="8"/>
    </row>
    <row r="660" spans="1:19">
      <c r="A660" s="6">
        <v>661</v>
      </c>
      <c r="B660" s="6">
        <v>46853</v>
      </c>
      <c r="C660" s="6">
        <v>47692</v>
      </c>
      <c r="D660" s="6">
        <f t="shared" si="20"/>
        <v>-839</v>
      </c>
      <c r="E660" s="7">
        <f t="shared" si="21"/>
        <v>-1.7907071052013744E-2</v>
      </c>
      <c r="H660" s="8"/>
      <c r="S660" s="8"/>
    </row>
    <row r="661" spans="1:19">
      <c r="A661" s="6">
        <v>662</v>
      </c>
      <c r="B661" s="6">
        <v>46812</v>
      </c>
      <c r="C661" s="6">
        <v>47651</v>
      </c>
      <c r="D661" s="6">
        <f t="shared" si="20"/>
        <v>-839</v>
      </c>
      <c r="E661" s="7">
        <f t="shared" si="21"/>
        <v>-1.7922754849183969E-2</v>
      </c>
      <c r="H661" s="8"/>
      <c r="S661" s="8"/>
    </row>
    <row r="662" spans="1:19">
      <c r="A662" s="6">
        <v>663</v>
      </c>
      <c r="B662" s="6">
        <v>46861</v>
      </c>
      <c r="C662" s="6">
        <v>47638</v>
      </c>
      <c r="D662" s="6">
        <f t="shared" si="20"/>
        <v>-777</v>
      </c>
      <c r="E662" s="7">
        <f t="shared" si="21"/>
        <v>-1.6580952177717077E-2</v>
      </c>
      <c r="H662" s="8"/>
      <c r="S662" s="8"/>
    </row>
    <row r="663" spans="1:19">
      <c r="A663" s="6">
        <v>664</v>
      </c>
      <c r="B663" s="6">
        <v>46849</v>
      </c>
      <c r="C663" s="6">
        <v>48576</v>
      </c>
      <c r="D663" s="6">
        <f t="shared" si="20"/>
        <v>-1727</v>
      </c>
      <c r="E663" s="7">
        <f t="shared" si="21"/>
        <v>-3.6863113406903028E-2</v>
      </c>
      <c r="H663" s="8"/>
      <c r="S663" s="8"/>
    </row>
    <row r="664" spans="1:19">
      <c r="A664" s="6">
        <v>665</v>
      </c>
      <c r="B664" s="6">
        <v>46823</v>
      </c>
      <c r="C664" s="6">
        <v>48475</v>
      </c>
      <c r="D664" s="6">
        <f t="shared" si="20"/>
        <v>-1652</v>
      </c>
      <c r="E664" s="7">
        <f t="shared" si="21"/>
        <v>-3.5281805950067274E-2</v>
      </c>
      <c r="H664" s="8"/>
      <c r="S664" s="8"/>
    </row>
    <row r="665" spans="1:19">
      <c r="A665" s="6">
        <v>666</v>
      </c>
      <c r="B665" s="6">
        <v>46806</v>
      </c>
      <c r="C665" s="6">
        <v>48957</v>
      </c>
      <c r="D665" s="6">
        <f t="shared" si="20"/>
        <v>-2151</v>
      </c>
      <c r="E665" s="7">
        <f t="shared" si="21"/>
        <v>-4.5955646711960008E-2</v>
      </c>
      <c r="H665" s="8"/>
      <c r="S665" s="8"/>
    </row>
    <row r="666" spans="1:19">
      <c r="A666" s="6">
        <v>667</v>
      </c>
      <c r="B666" s="6">
        <v>46877</v>
      </c>
      <c r="C666" s="6">
        <v>48488</v>
      </c>
      <c r="D666" s="6">
        <f t="shared" si="20"/>
        <v>-1611</v>
      </c>
      <c r="E666" s="7">
        <f t="shared" si="21"/>
        <v>-3.4366533694562364E-2</v>
      </c>
      <c r="H666" s="8"/>
      <c r="S666" s="8"/>
    </row>
    <row r="667" spans="1:19">
      <c r="A667" s="6">
        <v>668</v>
      </c>
      <c r="B667" s="6">
        <v>46804</v>
      </c>
      <c r="C667" s="6">
        <v>48484</v>
      </c>
      <c r="D667" s="6">
        <f t="shared" si="20"/>
        <v>-1680</v>
      </c>
      <c r="E667" s="7">
        <f t="shared" si="21"/>
        <v>-3.5894368002734808E-2</v>
      </c>
      <c r="H667" s="8"/>
      <c r="S667" s="8"/>
    </row>
    <row r="668" spans="1:19">
      <c r="A668" s="6">
        <v>669</v>
      </c>
      <c r="B668" s="6">
        <v>46812</v>
      </c>
      <c r="C668" s="6">
        <v>48483</v>
      </c>
      <c r="D668" s="6">
        <f t="shared" si="20"/>
        <v>-1671</v>
      </c>
      <c r="E668" s="7">
        <f t="shared" si="21"/>
        <v>-3.5695975390925401E-2</v>
      </c>
      <c r="H668" s="8"/>
      <c r="S668" s="8"/>
    </row>
    <row r="669" spans="1:19">
      <c r="A669" s="6">
        <v>670</v>
      </c>
      <c r="B669" s="6">
        <v>46815</v>
      </c>
      <c r="C669" s="6">
        <v>48481</v>
      </c>
      <c r="D669" s="6">
        <f t="shared" si="20"/>
        <v>-1666</v>
      </c>
      <c r="E669" s="7">
        <f t="shared" si="21"/>
        <v>-3.5586884545551638E-2</v>
      </c>
      <c r="H669" s="8"/>
      <c r="S669" s="8"/>
    </row>
    <row r="670" spans="1:19">
      <c r="A670" s="6">
        <v>671</v>
      </c>
      <c r="B670" s="6">
        <v>47222</v>
      </c>
      <c r="C670" s="6">
        <v>48585</v>
      </c>
      <c r="D670" s="6">
        <f t="shared" si="20"/>
        <v>-1363</v>
      </c>
      <c r="E670" s="7">
        <f t="shared" si="21"/>
        <v>-2.8863665240777603E-2</v>
      </c>
      <c r="H670" s="8"/>
      <c r="S670" s="8"/>
    </row>
    <row r="671" spans="1:19">
      <c r="A671" s="6">
        <v>672</v>
      </c>
      <c r="B671" s="6">
        <v>47321</v>
      </c>
      <c r="C671" s="6">
        <v>49452</v>
      </c>
      <c r="D671" s="6">
        <f t="shared" si="20"/>
        <v>-2131</v>
      </c>
      <c r="E671" s="7">
        <f t="shared" si="21"/>
        <v>-4.5032860674964606E-2</v>
      </c>
      <c r="H671" s="8"/>
      <c r="S671" s="8"/>
    </row>
    <row r="672" spans="1:19">
      <c r="A672" s="6">
        <v>673</v>
      </c>
      <c r="B672" s="6">
        <v>47656</v>
      </c>
      <c r="C672" s="6">
        <v>49323</v>
      </c>
      <c r="D672" s="6">
        <f t="shared" si="20"/>
        <v>-1667</v>
      </c>
      <c r="E672" s="7">
        <f t="shared" si="21"/>
        <v>-3.4979855632029544E-2</v>
      </c>
      <c r="H672" s="8"/>
      <c r="S672" s="8"/>
    </row>
    <row r="673" spans="1:19">
      <c r="A673" s="6">
        <v>674</v>
      </c>
      <c r="B673" s="6">
        <v>47719</v>
      </c>
      <c r="C673" s="6">
        <v>49324</v>
      </c>
      <c r="D673" s="6">
        <f t="shared" si="20"/>
        <v>-1605</v>
      </c>
      <c r="E673" s="7">
        <f t="shared" si="21"/>
        <v>-3.3634401391479288E-2</v>
      </c>
      <c r="H673" s="8"/>
      <c r="S673" s="8"/>
    </row>
    <row r="674" spans="1:19">
      <c r="A674" s="6">
        <v>675</v>
      </c>
      <c r="B674" s="6">
        <v>47670</v>
      </c>
      <c r="C674" s="6">
        <v>49321</v>
      </c>
      <c r="D674" s="6">
        <f t="shared" si="20"/>
        <v>-1651</v>
      </c>
      <c r="E674" s="7">
        <f t="shared" si="21"/>
        <v>-3.4633941682399833E-2</v>
      </c>
      <c r="H674" s="8"/>
      <c r="S674" s="8"/>
    </row>
    <row r="675" spans="1:19">
      <c r="A675" s="6">
        <v>676</v>
      </c>
      <c r="B675" s="6">
        <v>47707</v>
      </c>
      <c r="C675" s="6">
        <v>49376</v>
      </c>
      <c r="D675" s="6">
        <f t="shared" si="20"/>
        <v>-1669</v>
      </c>
      <c r="E675" s="7">
        <f t="shared" si="21"/>
        <v>-3.4984383843041901E-2</v>
      </c>
      <c r="H675" s="8"/>
      <c r="S675" s="8"/>
    </row>
    <row r="676" spans="1:19">
      <c r="A676" s="6">
        <v>677</v>
      </c>
      <c r="B676" s="6">
        <v>47636</v>
      </c>
      <c r="C676" s="6">
        <v>49332</v>
      </c>
      <c r="D676" s="6">
        <f t="shared" si="20"/>
        <v>-1696</v>
      </c>
      <c r="E676" s="7">
        <f t="shared" si="21"/>
        <v>-3.5603325216223024E-2</v>
      </c>
      <c r="H676" s="8"/>
      <c r="S676" s="8"/>
    </row>
    <row r="677" spans="1:19">
      <c r="A677" s="6">
        <v>678</v>
      </c>
      <c r="B677" s="6">
        <v>47645</v>
      </c>
      <c r="C677" s="6">
        <v>49346</v>
      </c>
      <c r="D677" s="6">
        <f t="shared" si="20"/>
        <v>-1701</v>
      </c>
      <c r="E677" s="7">
        <f t="shared" si="21"/>
        <v>-3.5701542659250705E-2</v>
      </c>
      <c r="H677" s="8"/>
      <c r="S677" s="8"/>
    </row>
    <row r="678" spans="1:19">
      <c r="A678" s="6">
        <v>679</v>
      </c>
      <c r="B678" s="6">
        <v>47651</v>
      </c>
      <c r="C678" s="6">
        <v>49362</v>
      </c>
      <c r="D678" s="6">
        <f t="shared" si="20"/>
        <v>-1711</v>
      </c>
      <c r="E678" s="7">
        <f t="shared" si="21"/>
        <v>-3.5906906465761473E-2</v>
      </c>
      <c r="H678" s="8"/>
      <c r="S678" s="8"/>
    </row>
    <row r="679" spans="1:19">
      <c r="A679" s="6">
        <v>680</v>
      </c>
      <c r="B679" s="6">
        <v>47648</v>
      </c>
      <c r="C679" s="6">
        <v>49745</v>
      </c>
      <c r="D679" s="6">
        <f t="shared" si="20"/>
        <v>-2097</v>
      </c>
      <c r="E679" s="7">
        <f t="shared" si="21"/>
        <v>-4.4010241773002015E-2</v>
      </c>
      <c r="H679" s="8"/>
      <c r="S679" s="8"/>
    </row>
    <row r="680" spans="1:19">
      <c r="A680" s="6">
        <v>681</v>
      </c>
      <c r="B680" s="6">
        <v>47711</v>
      </c>
      <c r="C680" s="6">
        <v>50148</v>
      </c>
      <c r="D680" s="6">
        <f t="shared" si="20"/>
        <v>-2437</v>
      </c>
      <c r="E680" s="7">
        <f t="shared" si="21"/>
        <v>-5.1078367672025317E-2</v>
      </c>
      <c r="H680" s="8"/>
      <c r="S680" s="8"/>
    </row>
    <row r="681" spans="1:19">
      <c r="A681" s="6">
        <v>682</v>
      </c>
      <c r="B681" s="6">
        <v>47713</v>
      </c>
      <c r="C681" s="6">
        <v>50164</v>
      </c>
      <c r="D681" s="6">
        <f t="shared" si="20"/>
        <v>-2451</v>
      </c>
      <c r="E681" s="7">
        <f t="shared" si="21"/>
        <v>-5.1369647685117266E-2</v>
      </c>
      <c r="H681" s="8"/>
      <c r="S681" s="8"/>
    </row>
    <row r="682" spans="1:19">
      <c r="A682" s="6">
        <v>683</v>
      </c>
      <c r="B682" s="6">
        <v>47676</v>
      </c>
      <c r="C682" s="6">
        <v>50167</v>
      </c>
      <c r="D682" s="6">
        <f t="shared" si="20"/>
        <v>-2491</v>
      </c>
      <c r="E682" s="7">
        <f t="shared" si="21"/>
        <v>-5.2248510781105796E-2</v>
      </c>
      <c r="H682" s="8"/>
      <c r="S682" s="8"/>
    </row>
    <row r="683" spans="1:19">
      <c r="A683" s="6">
        <v>684</v>
      </c>
      <c r="B683" s="6">
        <v>47651</v>
      </c>
      <c r="C683" s="6">
        <v>50153</v>
      </c>
      <c r="D683" s="6">
        <f t="shared" si="20"/>
        <v>-2502</v>
      </c>
      <c r="E683" s="7">
        <f t="shared" si="21"/>
        <v>-5.2506767958699713E-2</v>
      </c>
      <c r="H683" s="8"/>
      <c r="S683" s="8"/>
    </row>
    <row r="684" spans="1:19">
      <c r="A684" s="6">
        <v>685</v>
      </c>
      <c r="B684" s="6">
        <v>47644</v>
      </c>
      <c r="C684" s="6">
        <v>50166</v>
      </c>
      <c r="D684" s="6">
        <f t="shared" si="20"/>
        <v>-2522</v>
      </c>
      <c r="E684" s="7">
        <f t="shared" si="21"/>
        <v>-5.2934262446478045E-2</v>
      </c>
      <c r="H684" s="8"/>
      <c r="S684" s="8"/>
    </row>
    <row r="685" spans="1:19">
      <c r="A685" s="6">
        <v>686</v>
      </c>
      <c r="B685" s="6">
        <v>47653</v>
      </c>
      <c r="C685" s="6">
        <v>50154</v>
      </c>
      <c r="D685" s="6">
        <f t="shared" si="20"/>
        <v>-2501</v>
      </c>
      <c r="E685" s="7">
        <f t="shared" si="21"/>
        <v>-5.2483579208024676E-2</v>
      </c>
      <c r="H685" s="8"/>
      <c r="S685" s="8"/>
    </row>
    <row r="686" spans="1:19">
      <c r="A686" s="6">
        <v>687</v>
      </c>
      <c r="B686" s="6">
        <v>47665</v>
      </c>
      <c r="C686" s="6">
        <v>50138</v>
      </c>
      <c r="D686" s="6">
        <f t="shared" si="20"/>
        <v>-2473</v>
      </c>
      <c r="E686" s="7">
        <f t="shared" si="21"/>
        <v>-5.1882932969684256E-2</v>
      </c>
      <c r="H686" s="8"/>
      <c r="S686" s="8"/>
    </row>
    <row r="687" spans="1:19">
      <c r="A687" s="6">
        <v>688</v>
      </c>
      <c r="B687" s="6">
        <v>48081</v>
      </c>
      <c r="C687" s="6">
        <v>50566</v>
      </c>
      <c r="D687" s="6">
        <f t="shared" si="20"/>
        <v>-2485</v>
      </c>
      <c r="E687" s="7">
        <f t="shared" si="21"/>
        <v>-5.168361722925896E-2</v>
      </c>
      <c r="H687" s="8"/>
      <c r="S687" s="8"/>
    </row>
    <row r="688" spans="1:19">
      <c r="A688" s="6">
        <v>689</v>
      </c>
      <c r="B688" s="6">
        <v>48047</v>
      </c>
      <c r="C688" s="6">
        <v>50994</v>
      </c>
      <c r="D688" s="6">
        <f t="shared" si="20"/>
        <v>-2947</v>
      </c>
      <c r="E688" s="7">
        <f t="shared" si="21"/>
        <v>-6.1335775386600622E-2</v>
      </c>
      <c r="H688" s="8"/>
      <c r="S688" s="8"/>
    </row>
    <row r="689" spans="1:19">
      <c r="A689" s="6">
        <v>690</v>
      </c>
      <c r="B689" s="6">
        <v>48078</v>
      </c>
      <c r="C689" s="6">
        <v>50989</v>
      </c>
      <c r="D689" s="6">
        <f t="shared" si="20"/>
        <v>-2911</v>
      </c>
      <c r="E689" s="7">
        <f t="shared" si="21"/>
        <v>-6.0547443737260287E-2</v>
      </c>
      <c r="H689" s="8"/>
      <c r="S689" s="8"/>
    </row>
    <row r="690" spans="1:19">
      <c r="A690" s="6">
        <v>691</v>
      </c>
      <c r="B690" s="6">
        <v>48061</v>
      </c>
      <c r="C690" s="6">
        <v>51004</v>
      </c>
      <c r="D690" s="6">
        <f t="shared" si="20"/>
        <v>-2943</v>
      </c>
      <c r="E690" s="7">
        <f t="shared" si="21"/>
        <v>-6.1234680926322796E-2</v>
      </c>
      <c r="H690" s="8"/>
      <c r="S690" s="8"/>
    </row>
    <row r="691" spans="1:19">
      <c r="A691" s="6">
        <v>692</v>
      </c>
      <c r="B691" s="6">
        <v>48250</v>
      </c>
      <c r="C691" s="6">
        <v>50993</v>
      </c>
      <c r="D691" s="6">
        <f t="shared" si="20"/>
        <v>-2743</v>
      </c>
      <c r="E691" s="7">
        <f t="shared" si="21"/>
        <v>-5.6849740932642487E-2</v>
      </c>
      <c r="H691" s="8"/>
      <c r="S691" s="8"/>
    </row>
    <row r="692" spans="1:19">
      <c r="A692" s="6">
        <v>693</v>
      </c>
      <c r="B692" s="6">
        <v>48058</v>
      </c>
      <c r="C692" s="6">
        <v>50986</v>
      </c>
      <c r="D692" s="6">
        <f t="shared" si="20"/>
        <v>-2928</v>
      </c>
      <c r="E692" s="7">
        <f t="shared" si="21"/>
        <v>-6.0926380623413379E-2</v>
      </c>
      <c r="H692" s="8"/>
      <c r="S692" s="8"/>
    </row>
    <row r="693" spans="1:19">
      <c r="A693" s="6">
        <v>694</v>
      </c>
      <c r="B693" s="6">
        <v>48074</v>
      </c>
      <c r="C693" s="6">
        <v>50994</v>
      </c>
      <c r="D693" s="6">
        <f t="shared" si="20"/>
        <v>-2920</v>
      </c>
      <c r="E693" s="7">
        <f t="shared" si="21"/>
        <v>-6.073969297333278E-2</v>
      </c>
      <c r="H693" s="8"/>
      <c r="S693" s="8"/>
    </row>
    <row r="694" spans="1:19">
      <c r="A694" s="6">
        <v>695</v>
      </c>
      <c r="B694" s="6">
        <v>48069</v>
      </c>
      <c r="C694" s="6">
        <v>50976</v>
      </c>
      <c r="D694" s="6">
        <f t="shared" si="20"/>
        <v>-2907</v>
      </c>
      <c r="E694" s="7">
        <f t="shared" si="21"/>
        <v>-6.0475566373338327E-2</v>
      </c>
      <c r="H694" s="8"/>
      <c r="S694" s="8"/>
    </row>
    <row r="695" spans="1:19">
      <c r="A695" s="6">
        <v>696</v>
      </c>
      <c r="B695" s="6">
        <v>48064</v>
      </c>
      <c r="C695" s="6">
        <v>51462</v>
      </c>
      <c r="D695" s="6">
        <f t="shared" si="20"/>
        <v>-3398</v>
      </c>
      <c r="E695" s="7">
        <f t="shared" si="21"/>
        <v>-7.0697403462050598E-2</v>
      </c>
      <c r="H695" s="8"/>
      <c r="S695" s="8"/>
    </row>
    <row r="696" spans="1:19">
      <c r="A696" s="6">
        <v>697</v>
      </c>
      <c r="B696" s="6">
        <v>48152</v>
      </c>
      <c r="C696" s="6">
        <v>51850</v>
      </c>
      <c r="D696" s="6">
        <f t="shared" si="20"/>
        <v>-3698</v>
      </c>
      <c r="E696" s="7">
        <f t="shared" si="21"/>
        <v>-7.6798471506894839E-2</v>
      </c>
      <c r="H696" s="8"/>
      <c r="S696" s="8"/>
    </row>
    <row r="697" spans="1:19">
      <c r="A697" s="6">
        <v>698</v>
      </c>
      <c r="B697" s="6">
        <v>48087</v>
      </c>
      <c r="C697" s="6">
        <v>51875</v>
      </c>
      <c r="D697" s="6">
        <f t="shared" si="20"/>
        <v>-3788</v>
      </c>
      <c r="E697" s="7">
        <f t="shared" si="21"/>
        <v>-7.8773888992867094E-2</v>
      </c>
      <c r="H697" s="8"/>
      <c r="S697" s="8"/>
    </row>
    <row r="698" spans="1:19">
      <c r="A698" s="6">
        <v>699</v>
      </c>
      <c r="B698" s="6">
        <v>48085</v>
      </c>
      <c r="C698" s="6">
        <v>51819</v>
      </c>
      <c r="D698" s="6">
        <f t="shared" si="20"/>
        <v>-3734</v>
      </c>
      <c r="E698" s="7">
        <f t="shared" si="21"/>
        <v>-7.7654154102110851E-2</v>
      </c>
      <c r="H698" s="8"/>
      <c r="S698" s="8"/>
    </row>
    <row r="699" spans="1:19">
      <c r="A699" s="6">
        <v>700</v>
      </c>
      <c r="B699" s="6">
        <v>48055</v>
      </c>
      <c r="C699" s="6">
        <v>51883</v>
      </c>
      <c r="D699" s="6">
        <f t="shared" si="20"/>
        <v>-3828</v>
      </c>
      <c r="E699" s="7">
        <f t="shared" si="21"/>
        <v>-7.9658724378316517E-2</v>
      </c>
      <c r="H699" s="8"/>
      <c r="S699" s="8"/>
    </row>
    <row r="700" spans="1:19">
      <c r="A700" s="6">
        <v>701</v>
      </c>
      <c r="B700" s="6">
        <v>48069</v>
      </c>
      <c r="C700" s="6">
        <v>52351</v>
      </c>
      <c r="D700" s="6">
        <f t="shared" si="20"/>
        <v>-4282</v>
      </c>
      <c r="E700" s="7">
        <f t="shared" si="21"/>
        <v>-8.9080280430214903E-2</v>
      </c>
      <c r="H700" s="8"/>
      <c r="S700" s="8"/>
    </row>
    <row r="701" spans="1:19">
      <c r="A701" s="6">
        <v>702</v>
      </c>
      <c r="B701" s="6">
        <v>48074</v>
      </c>
      <c r="C701" s="6">
        <v>51815</v>
      </c>
      <c r="D701" s="6">
        <f t="shared" si="20"/>
        <v>-3741</v>
      </c>
      <c r="E701" s="7">
        <f t="shared" si="21"/>
        <v>-7.7817531305903395E-2</v>
      </c>
      <c r="H701" s="8"/>
      <c r="S701" s="8"/>
    </row>
    <row r="702" spans="1:19">
      <c r="A702" s="6">
        <v>703</v>
      </c>
      <c r="B702" s="6">
        <v>48065</v>
      </c>
      <c r="C702" s="6">
        <v>51818</v>
      </c>
      <c r="D702" s="6">
        <f t="shared" si="20"/>
        <v>-3753</v>
      </c>
      <c r="E702" s="7">
        <f t="shared" si="21"/>
        <v>-7.8081764277540835E-2</v>
      </c>
      <c r="H702" s="8"/>
      <c r="S702" s="8"/>
    </row>
    <row r="703" spans="1:19">
      <c r="A703" s="6">
        <v>704</v>
      </c>
      <c r="B703" s="6">
        <v>47217</v>
      </c>
      <c r="C703" s="6">
        <v>47229</v>
      </c>
      <c r="D703" s="6">
        <f t="shared" si="20"/>
        <v>-12</v>
      </c>
      <c r="E703" s="7">
        <f t="shared" si="21"/>
        <v>-2.5414575258910985E-4</v>
      </c>
      <c r="H703" s="8"/>
      <c r="S703" s="8"/>
    </row>
    <row r="704" spans="1:19">
      <c r="A704" s="6">
        <v>705</v>
      </c>
      <c r="B704" s="6">
        <v>50163</v>
      </c>
      <c r="C704" s="6">
        <v>49307</v>
      </c>
      <c r="D704" s="6">
        <f t="shared" si="20"/>
        <v>856</v>
      </c>
      <c r="E704" s="7">
        <f t="shared" si="21"/>
        <v>1.7064370153300243E-2</v>
      </c>
      <c r="H704" s="8"/>
      <c r="S704" s="8"/>
    </row>
    <row r="705" spans="1:19">
      <c r="A705" s="6">
        <v>706</v>
      </c>
      <c r="B705" s="6">
        <v>50166</v>
      </c>
      <c r="C705" s="6">
        <v>49320</v>
      </c>
      <c r="D705" s="6">
        <f t="shared" si="20"/>
        <v>846</v>
      </c>
      <c r="E705" s="7">
        <f t="shared" si="21"/>
        <v>1.6864011481880159E-2</v>
      </c>
      <c r="H705" s="8"/>
      <c r="S705" s="8"/>
    </row>
    <row r="706" spans="1:19">
      <c r="A706" s="6">
        <v>707</v>
      </c>
      <c r="B706" s="6">
        <v>50174</v>
      </c>
      <c r="C706" s="6">
        <v>49318</v>
      </c>
      <c r="D706" s="6">
        <f t="shared" si="20"/>
        <v>856</v>
      </c>
      <c r="E706" s="7">
        <f t="shared" si="21"/>
        <v>1.7060629011041575E-2</v>
      </c>
      <c r="H706" s="8"/>
      <c r="S706" s="8"/>
    </row>
    <row r="707" spans="1:19">
      <c r="A707" s="6">
        <v>708</v>
      </c>
      <c r="B707" s="6">
        <v>50166</v>
      </c>
      <c r="C707" s="6">
        <v>49296</v>
      </c>
      <c r="D707" s="6">
        <f t="shared" si="20"/>
        <v>870</v>
      </c>
      <c r="E707" s="7">
        <f t="shared" si="21"/>
        <v>1.7342423155124985E-2</v>
      </c>
      <c r="H707" s="8"/>
      <c r="S707" s="8"/>
    </row>
    <row r="708" spans="1:19">
      <c r="A708" s="6">
        <v>709</v>
      </c>
      <c r="B708" s="6">
        <v>50175</v>
      </c>
      <c r="C708" s="6">
        <v>49415</v>
      </c>
      <c r="D708" s="6">
        <f t="shared" ref="D708:D771" si="22">B708-C708</f>
        <v>760</v>
      </c>
      <c r="E708" s="7">
        <f t="shared" ref="E708:E771" si="23">D708/B708</f>
        <v>1.5146985550572995E-2</v>
      </c>
      <c r="H708" s="8"/>
      <c r="S708" s="8"/>
    </row>
    <row r="709" spans="1:19">
      <c r="A709" s="6">
        <v>710</v>
      </c>
      <c r="B709" s="6">
        <v>50347</v>
      </c>
      <c r="C709" s="6">
        <v>49305</v>
      </c>
      <c r="D709" s="6">
        <f t="shared" si="22"/>
        <v>1042</v>
      </c>
      <c r="E709" s="7">
        <f t="shared" si="23"/>
        <v>2.0696367211551832E-2</v>
      </c>
      <c r="H709" s="8"/>
      <c r="S709" s="8"/>
    </row>
    <row r="710" spans="1:19">
      <c r="A710" s="6">
        <v>711</v>
      </c>
      <c r="B710" s="6">
        <v>50147</v>
      </c>
      <c r="C710" s="6">
        <v>49334</v>
      </c>
      <c r="D710" s="6">
        <f t="shared" si="22"/>
        <v>813</v>
      </c>
      <c r="E710" s="7">
        <f t="shared" si="23"/>
        <v>1.621233573294514E-2</v>
      </c>
      <c r="H710" s="8"/>
      <c r="S710" s="8"/>
    </row>
    <row r="711" spans="1:19">
      <c r="A711" s="6">
        <v>712</v>
      </c>
      <c r="B711" s="6">
        <v>50195</v>
      </c>
      <c r="C711" s="6">
        <v>49728</v>
      </c>
      <c r="D711" s="6">
        <f t="shared" si="22"/>
        <v>467</v>
      </c>
      <c r="E711" s="7">
        <f t="shared" si="23"/>
        <v>9.3037155095128995E-3</v>
      </c>
      <c r="H711" s="8"/>
      <c r="S711" s="8"/>
    </row>
    <row r="712" spans="1:19">
      <c r="A712" s="6">
        <v>713</v>
      </c>
      <c r="B712" s="6">
        <v>50210</v>
      </c>
      <c r="C712" s="6">
        <v>50148</v>
      </c>
      <c r="D712" s="6">
        <f t="shared" si="22"/>
        <v>62</v>
      </c>
      <c r="E712" s="7">
        <f t="shared" si="23"/>
        <v>1.2348137821151166E-3</v>
      </c>
      <c r="H712" s="8"/>
      <c r="S712" s="8"/>
    </row>
    <row r="713" spans="1:19">
      <c r="A713" s="6">
        <v>714</v>
      </c>
      <c r="B713" s="6">
        <v>50135</v>
      </c>
      <c r="C713" s="6">
        <v>50143</v>
      </c>
      <c r="D713" s="6">
        <f t="shared" si="22"/>
        <v>-8</v>
      </c>
      <c r="E713" s="7">
        <f t="shared" si="23"/>
        <v>-1.5956916325920016E-4</v>
      </c>
      <c r="H713" s="8"/>
      <c r="S713" s="8"/>
    </row>
    <row r="714" spans="1:19">
      <c r="A714" s="6">
        <v>715</v>
      </c>
      <c r="B714" s="6">
        <v>50140</v>
      </c>
      <c r="C714" s="6">
        <v>50137</v>
      </c>
      <c r="D714" s="6">
        <f t="shared" si="22"/>
        <v>3</v>
      </c>
      <c r="E714" s="7">
        <f t="shared" si="23"/>
        <v>5.9832469086557642E-5</v>
      </c>
      <c r="H714" s="8"/>
      <c r="S714" s="8"/>
    </row>
    <row r="715" spans="1:19">
      <c r="A715" s="6">
        <v>716</v>
      </c>
      <c r="B715" s="6">
        <v>50179</v>
      </c>
      <c r="C715" s="6">
        <v>50218</v>
      </c>
      <c r="D715" s="6">
        <f t="shared" si="22"/>
        <v>-39</v>
      </c>
      <c r="E715" s="7">
        <f t="shared" si="23"/>
        <v>-7.7721756113115052E-4</v>
      </c>
      <c r="H715" s="8"/>
      <c r="S715" s="8"/>
    </row>
    <row r="716" spans="1:19">
      <c r="A716" s="6">
        <v>717</v>
      </c>
      <c r="B716" s="6">
        <v>50157</v>
      </c>
      <c r="C716" s="6">
        <v>50206</v>
      </c>
      <c r="D716" s="6">
        <f t="shared" si="22"/>
        <v>-49</v>
      </c>
      <c r="E716" s="7">
        <f t="shared" si="23"/>
        <v>-9.7693243216300809E-4</v>
      </c>
      <c r="H716" s="8"/>
      <c r="S716" s="8"/>
    </row>
    <row r="717" spans="1:19">
      <c r="A717" s="6">
        <v>718</v>
      </c>
      <c r="B717" s="6">
        <v>50158</v>
      </c>
      <c r="C717" s="6">
        <v>50695</v>
      </c>
      <c r="D717" s="6">
        <f t="shared" si="22"/>
        <v>-537</v>
      </c>
      <c r="E717" s="7">
        <f t="shared" si="23"/>
        <v>-1.0706168507516248E-2</v>
      </c>
      <c r="H717" s="8"/>
      <c r="S717" s="8"/>
    </row>
    <row r="718" spans="1:19">
      <c r="A718" s="6">
        <v>719</v>
      </c>
      <c r="B718" s="6">
        <v>50159</v>
      </c>
      <c r="C718" s="6">
        <v>50138</v>
      </c>
      <c r="D718" s="6">
        <f t="shared" si="22"/>
        <v>21</v>
      </c>
      <c r="E718" s="7">
        <f t="shared" si="23"/>
        <v>4.1866863374469189E-4</v>
      </c>
      <c r="H718" s="8"/>
      <c r="S718" s="8"/>
    </row>
    <row r="719" spans="1:19">
      <c r="A719" s="6">
        <v>720</v>
      </c>
      <c r="B719" s="6">
        <v>50207</v>
      </c>
      <c r="C719" s="6">
        <v>50628</v>
      </c>
      <c r="D719" s="6">
        <f t="shared" si="22"/>
        <v>-421</v>
      </c>
      <c r="E719" s="7">
        <f t="shared" si="23"/>
        <v>-8.3852849204294217E-3</v>
      </c>
      <c r="H719" s="8"/>
      <c r="S719" s="8"/>
    </row>
    <row r="720" spans="1:19">
      <c r="A720" s="6">
        <v>721</v>
      </c>
      <c r="B720" s="6">
        <v>50202</v>
      </c>
      <c r="C720" s="6">
        <v>50979</v>
      </c>
      <c r="D720" s="6">
        <f t="shared" si="22"/>
        <v>-777</v>
      </c>
      <c r="E720" s="7">
        <f t="shared" si="23"/>
        <v>-1.5477471017090953E-2</v>
      </c>
      <c r="H720" s="8"/>
      <c r="S720" s="8"/>
    </row>
    <row r="721" spans="1:19">
      <c r="A721" s="6">
        <v>722</v>
      </c>
      <c r="B721" s="6">
        <v>50139</v>
      </c>
      <c r="C721" s="6">
        <v>51002</v>
      </c>
      <c r="D721" s="6">
        <f t="shared" si="22"/>
        <v>-863</v>
      </c>
      <c r="E721" s="7">
        <f t="shared" si="23"/>
        <v>-1.7212150222381779E-2</v>
      </c>
      <c r="H721" s="8"/>
      <c r="S721" s="8"/>
    </row>
    <row r="722" spans="1:19">
      <c r="A722" s="6">
        <v>723</v>
      </c>
      <c r="B722" s="6">
        <v>50708</v>
      </c>
      <c r="C722" s="6">
        <v>51025</v>
      </c>
      <c r="D722" s="6">
        <f t="shared" si="22"/>
        <v>-317</v>
      </c>
      <c r="E722" s="7">
        <f t="shared" si="23"/>
        <v>-6.2514790565591227E-3</v>
      </c>
      <c r="H722" s="8"/>
      <c r="S722" s="8"/>
    </row>
    <row r="723" spans="1:19">
      <c r="A723" s="6">
        <v>724</v>
      </c>
      <c r="B723" s="6">
        <v>50154</v>
      </c>
      <c r="C723" s="6">
        <v>51785</v>
      </c>
      <c r="D723" s="6">
        <f t="shared" si="22"/>
        <v>-1631</v>
      </c>
      <c r="E723" s="7">
        <f t="shared" si="23"/>
        <v>-3.2519838896199707E-2</v>
      </c>
      <c r="H723" s="8"/>
      <c r="S723" s="8"/>
    </row>
    <row r="724" spans="1:19">
      <c r="A724" s="6">
        <v>725</v>
      </c>
      <c r="B724" s="6">
        <v>50151</v>
      </c>
      <c r="C724" s="6">
        <v>51047</v>
      </c>
      <c r="D724" s="6">
        <f t="shared" si="22"/>
        <v>-896</v>
      </c>
      <c r="E724" s="7">
        <f t="shared" si="23"/>
        <v>-1.7866044545472672E-2</v>
      </c>
      <c r="H724" s="8"/>
      <c r="S724" s="8"/>
    </row>
    <row r="725" spans="1:19">
      <c r="A725" s="6">
        <v>726</v>
      </c>
      <c r="B725" s="6">
        <v>50205</v>
      </c>
      <c r="C725" s="6">
        <v>51001</v>
      </c>
      <c r="D725" s="6">
        <f t="shared" si="22"/>
        <v>-796</v>
      </c>
      <c r="E725" s="7">
        <f t="shared" si="23"/>
        <v>-1.5854994522457921E-2</v>
      </c>
      <c r="H725" s="8"/>
      <c r="S725" s="8"/>
    </row>
    <row r="726" spans="1:19">
      <c r="A726" s="6">
        <v>727</v>
      </c>
      <c r="B726" s="6">
        <v>50221</v>
      </c>
      <c r="C726" s="6">
        <v>50993</v>
      </c>
      <c r="D726" s="6">
        <f t="shared" si="22"/>
        <v>-772</v>
      </c>
      <c r="E726" s="7">
        <f t="shared" si="23"/>
        <v>-1.5372055514625355E-2</v>
      </c>
      <c r="H726" s="8"/>
      <c r="S726" s="8"/>
    </row>
    <row r="727" spans="1:19">
      <c r="A727" s="6">
        <v>728</v>
      </c>
      <c r="B727" s="6">
        <v>50121</v>
      </c>
      <c r="C727" s="6">
        <v>51405</v>
      </c>
      <c r="D727" s="6">
        <f t="shared" si="22"/>
        <v>-1284</v>
      </c>
      <c r="E727" s="7">
        <f t="shared" si="23"/>
        <v>-2.5618004429281138E-2</v>
      </c>
      <c r="H727" s="8"/>
      <c r="S727" s="8"/>
    </row>
    <row r="728" spans="1:19">
      <c r="A728" s="6">
        <v>729</v>
      </c>
      <c r="B728" s="6">
        <v>50213</v>
      </c>
      <c r="C728" s="6">
        <v>52040</v>
      </c>
      <c r="D728" s="6">
        <f t="shared" si="22"/>
        <v>-1827</v>
      </c>
      <c r="E728" s="7">
        <f t="shared" si="23"/>
        <v>-3.6384999900424195E-2</v>
      </c>
      <c r="H728" s="8"/>
      <c r="S728" s="8"/>
    </row>
    <row r="729" spans="1:19">
      <c r="A729" s="6">
        <v>730</v>
      </c>
      <c r="B729" s="6">
        <v>50206</v>
      </c>
      <c r="C729" s="6">
        <v>51817</v>
      </c>
      <c r="D729" s="6">
        <f t="shared" si="22"/>
        <v>-1611</v>
      </c>
      <c r="E729" s="7">
        <f t="shared" si="23"/>
        <v>-3.2087798271122972E-2</v>
      </c>
      <c r="H729" s="8"/>
      <c r="S729" s="8"/>
    </row>
    <row r="730" spans="1:19">
      <c r="A730" s="6">
        <v>731</v>
      </c>
      <c r="B730" s="6">
        <v>50146</v>
      </c>
      <c r="C730" s="6">
        <v>51808</v>
      </c>
      <c r="D730" s="6">
        <f t="shared" si="22"/>
        <v>-1662</v>
      </c>
      <c r="E730" s="7">
        <f t="shared" si="23"/>
        <v>-3.3143221792366291E-2</v>
      </c>
      <c r="H730" s="8"/>
      <c r="S730" s="8"/>
    </row>
    <row r="731" spans="1:19">
      <c r="A731" s="6">
        <v>732</v>
      </c>
      <c r="B731" s="6">
        <v>51280</v>
      </c>
      <c r="C731" s="6">
        <v>51824</v>
      </c>
      <c r="D731" s="6">
        <f t="shared" si="22"/>
        <v>-544</v>
      </c>
      <c r="E731" s="7">
        <f t="shared" si="23"/>
        <v>-1.0608424336973479E-2</v>
      </c>
      <c r="H731" s="8"/>
      <c r="S731" s="8"/>
    </row>
    <row r="732" spans="1:19">
      <c r="A732" s="6">
        <v>733</v>
      </c>
      <c r="B732" s="6">
        <v>50143</v>
      </c>
      <c r="C732" s="6">
        <v>51826</v>
      </c>
      <c r="D732" s="6">
        <f t="shared" si="22"/>
        <v>-1683</v>
      </c>
      <c r="E732" s="7">
        <f t="shared" si="23"/>
        <v>-3.3564006940151166E-2</v>
      </c>
      <c r="H732" s="8"/>
      <c r="S732" s="8"/>
    </row>
    <row r="733" spans="1:19">
      <c r="A733" s="6">
        <v>734</v>
      </c>
      <c r="B733" s="6">
        <v>50142</v>
      </c>
      <c r="C733" s="6">
        <v>51878</v>
      </c>
      <c r="D733" s="6">
        <f t="shared" si="22"/>
        <v>-1736</v>
      </c>
      <c r="E733" s="7">
        <f t="shared" si="23"/>
        <v>-3.4621674444577401E-2</v>
      </c>
      <c r="H733" s="8"/>
      <c r="S733" s="8"/>
    </row>
    <row r="734" spans="1:19">
      <c r="A734" s="6">
        <v>735</v>
      </c>
      <c r="B734" s="6">
        <v>50616</v>
      </c>
      <c r="C734" s="6">
        <v>51884</v>
      </c>
      <c r="D734" s="6">
        <f t="shared" si="22"/>
        <v>-1268</v>
      </c>
      <c r="E734" s="7">
        <f t="shared" si="23"/>
        <v>-2.5051367156630314E-2</v>
      </c>
      <c r="H734" s="8"/>
      <c r="S734" s="8"/>
    </row>
    <row r="735" spans="1:19">
      <c r="A735" s="6">
        <v>736</v>
      </c>
      <c r="B735" s="6">
        <v>50558</v>
      </c>
      <c r="C735" s="6">
        <v>52250</v>
      </c>
      <c r="D735" s="6">
        <f t="shared" si="22"/>
        <v>-1692</v>
      </c>
      <c r="E735" s="7">
        <f t="shared" si="23"/>
        <v>-3.3466513707029549E-2</v>
      </c>
      <c r="H735" s="8"/>
      <c r="S735" s="8"/>
    </row>
    <row r="736" spans="1:19">
      <c r="A736" s="6">
        <v>737</v>
      </c>
      <c r="B736" s="6">
        <v>50994</v>
      </c>
      <c r="C736" s="6">
        <v>52642</v>
      </c>
      <c r="D736" s="6">
        <f t="shared" si="22"/>
        <v>-1648</v>
      </c>
      <c r="E736" s="7">
        <f t="shared" si="23"/>
        <v>-3.2317527552261048E-2</v>
      </c>
      <c r="H736" s="8"/>
      <c r="S736" s="8"/>
    </row>
    <row r="737" spans="1:19">
      <c r="A737" s="6">
        <v>738</v>
      </c>
      <c r="B737" s="6">
        <v>51029</v>
      </c>
      <c r="C737" s="6">
        <v>52644</v>
      </c>
      <c r="D737" s="6">
        <f t="shared" si="22"/>
        <v>-1615</v>
      </c>
      <c r="E737" s="7">
        <f t="shared" si="23"/>
        <v>-3.1648670363910718E-2</v>
      </c>
      <c r="H737" s="8"/>
      <c r="S737" s="8"/>
    </row>
    <row r="738" spans="1:19">
      <c r="A738" s="6">
        <v>739</v>
      </c>
      <c r="B738" s="6">
        <v>51105</v>
      </c>
      <c r="C738" s="6">
        <v>52643</v>
      </c>
      <c r="D738" s="6">
        <f t="shared" si="22"/>
        <v>-1538</v>
      </c>
      <c r="E738" s="7">
        <f t="shared" si="23"/>
        <v>-3.0094902651403972E-2</v>
      </c>
      <c r="H738" s="8"/>
      <c r="S738" s="8"/>
    </row>
    <row r="739" spans="1:19">
      <c r="A739" s="6">
        <v>740</v>
      </c>
      <c r="B739" s="6">
        <v>51033</v>
      </c>
      <c r="C739" s="6">
        <v>52661</v>
      </c>
      <c r="D739" s="6">
        <f t="shared" si="22"/>
        <v>-1628</v>
      </c>
      <c r="E739" s="7">
        <f t="shared" si="23"/>
        <v>-3.1900926851253113E-2</v>
      </c>
      <c r="H739" s="8"/>
      <c r="S739" s="8"/>
    </row>
    <row r="740" spans="1:19">
      <c r="A740" s="6">
        <v>741</v>
      </c>
      <c r="B740" s="6">
        <v>51063</v>
      </c>
      <c r="C740" s="6">
        <v>52651</v>
      </c>
      <c r="D740" s="6">
        <f t="shared" si="22"/>
        <v>-1588</v>
      </c>
      <c r="E740" s="7">
        <f t="shared" si="23"/>
        <v>-3.1098838689462036E-2</v>
      </c>
      <c r="H740" s="8"/>
      <c r="S740" s="8"/>
    </row>
    <row r="741" spans="1:19">
      <c r="A741" s="6">
        <v>742</v>
      </c>
      <c r="B741" s="6">
        <v>51046</v>
      </c>
      <c r="C741" s="6">
        <v>52667</v>
      </c>
      <c r="D741" s="6">
        <f t="shared" si="22"/>
        <v>-1621</v>
      </c>
      <c r="E741" s="7">
        <f t="shared" si="23"/>
        <v>-3.1755671355248205E-2</v>
      </c>
      <c r="H741" s="8"/>
      <c r="S741" s="8"/>
    </row>
    <row r="742" spans="1:19">
      <c r="A742" s="6">
        <v>743</v>
      </c>
      <c r="B742" s="6">
        <v>51037</v>
      </c>
      <c r="C742" s="6">
        <v>52642</v>
      </c>
      <c r="D742" s="6">
        <f t="shared" si="22"/>
        <v>-1605</v>
      </c>
      <c r="E742" s="7">
        <f t="shared" si="23"/>
        <v>-3.1447773184160512E-2</v>
      </c>
      <c r="H742" s="8"/>
      <c r="S742" s="8"/>
    </row>
    <row r="743" spans="1:19">
      <c r="A743" s="6">
        <v>744</v>
      </c>
      <c r="B743" s="6">
        <v>50996</v>
      </c>
      <c r="C743" s="6">
        <v>53084</v>
      </c>
      <c r="D743" s="6">
        <f t="shared" si="22"/>
        <v>-2088</v>
      </c>
      <c r="E743" s="7">
        <f t="shared" si="23"/>
        <v>-4.0944387795121183E-2</v>
      </c>
      <c r="H743" s="8"/>
      <c r="S743" s="8"/>
    </row>
    <row r="744" spans="1:19">
      <c r="A744" s="6">
        <v>745</v>
      </c>
      <c r="B744" s="6">
        <v>50973</v>
      </c>
      <c r="C744" s="6">
        <v>53469</v>
      </c>
      <c r="D744" s="6">
        <f t="shared" si="22"/>
        <v>-2496</v>
      </c>
      <c r="E744" s="7">
        <f t="shared" si="23"/>
        <v>-4.8967100229533281E-2</v>
      </c>
      <c r="H744" s="8"/>
      <c r="S744" s="8"/>
    </row>
    <row r="745" spans="1:19">
      <c r="A745" s="6">
        <v>746</v>
      </c>
      <c r="B745" s="6">
        <v>50982</v>
      </c>
      <c r="C745" s="6">
        <v>53494</v>
      </c>
      <c r="D745" s="6">
        <f t="shared" si="22"/>
        <v>-2512</v>
      </c>
      <c r="E745" s="7">
        <f t="shared" si="23"/>
        <v>-4.9272292181554274E-2</v>
      </c>
      <c r="H745" s="8"/>
      <c r="S745" s="8"/>
    </row>
    <row r="746" spans="1:19">
      <c r="A746" s="6">
        <v>747</v>
      </c>
      <c r="B746" s="6">
        <v>50977</v>
      </c>
      <c r="C746" s="6">
        <v>53543</v>
      </c>
      <c r="D746" s="6">
        <f t="shared" si="22"/>
        <v>-2566</v>
      </c>
      <c r="E746" s="7">
        <f t="shared" si="23"/>
        <v>-5.0336426231437706E-2</v>
      </c>
      <c r="H746" s="8"/>
      <c r="S746" s="8"/>
    </row>
    <row r="747" spans="1:19">
      <c r="A747" s="6">
        <v>748</v>
      </c>
      <c r="B747" s="6">
        <v>51002</v>
      </c>
      <c r="C747" s="6">
        <v>53485</v>
      </c>
      <c r="D747" s="6">
        <f t="shared" si="22"/>
        <v>-2483</v>
      </c>
      <c r="E747" s="7">
        <f t="shared" si="23"/>
        <v>-4.8684365319007099E-2</v>
      </c>
      <c r="H747" s="8"/>
      <c r="S747" s="8"/>
    </row>
    <row r="748" spans="1:19">
      <c r="A748" s="6">
        <v>749</v>
      </c>
      <c r="B748" s="6">
        <v>50990</v>
      </c>
      <c r="C748" s="6">
        <v>53485</v>
      </c>
      <c r="D748" s="6">
        <f t="shared" si="22"/>
        <v>-2495</v>
      </c>
      <c r="E748" s="7">
        <f t="shared" si="23"/>
        <v>-4.8931162973131985E-2</v>
      </c>
      <c r="H748" s="8"/>
      <c r="S748" s="8"/>
    </row>
    <row r="749" spans="1:19">
      <c r="A749" s="6">
        <v>750</v>
      </c>
      <c r="B749" s="6">
        <v>50997</v>
      </c>
      <c r="C749" s="6">
        <v>53466</v>
      </c>
      <c r="D749" s="6">
        <f t="shared" si="22"/>
        <v>-2469</v>
      </c>
      <c r="E749" s="7">
        <f t="shared" si="23"/>
        <v>-4.8414612624272019E-2</v>
      </c>
      <c r="H749" s="8"/>
      <c r="S749" s="8"/>
    </row>
    <row r="750" spans="1:19">
      <c r="A750" s="6">
        <v>751</v>
      </c>
      <c r="B750" s="6">
        <v>51000</v>
      </c>
      <c r="C750" s="6">
        <v>53499</v>
      </c>
      <c r="D750" s="6">
        <f t="shared" si="22"/>
        <v>-2499</v>
      </c>
      <c r="E750" s="7">
        <f t="shared" si="23"/>
        <v>-4.9000000000000002E-2</v>
      </c>
      <c r="H750" s="8"/>
      <c r="S750" s="8"/>
    </row>
    <row r="751" spans="1:19">
      <c r="A751" s="6">
        <v>752</v>
      </c>
      <c r="B751" s="6">
        <v>51401</v>
      </c>
      <c r="C751" s="6">
        <v>53982</v>
      </c>
      <c r="D751" s="6">
        <f t="shared" si="22"/>
        <v>-2581</v>
      </c>
      <c r="E751" s="7">
        <f t="shared" si="23"/>
        <v>-5.0213030874885704E-2</v>
      </c>
      <c r="H751" s="8"/>
      <c r="S751" s="8"/>
    </row>
    <row r="752" spans="1:19">
      <c r="A752" s="6">
        <v>753</v>
      </c>
      <c r="B752" s="6">
        <v>51464</v>
      </c>
      <c r="C752" s="6">
        <v>54805</v>
      </c>
      <c r="D752" s="6">
        <f t="shared" si="22"/>
        <v>-3341</v>
      </c>
      <c r="E752" s="7">
        <f t="shared" si="23"/>
        <v>-6.4919166796207059E-2</v>
      </c>
      <c r="H752" s="8"/>
      <c r="S752" s="8"/>
    </row>
    <row r="753" spans="1:19">
      <c r="A753" s="6">
        <v>754</v>
      </c>
      <c r="B753" s="6">
        <v>51438</v>
      </c>
      <c r="C753" s="6">
        <v>54320</v>
      </c>
      <c r="D753" s="6">
        <f t="shared" si="22"/>
        <v>-2882</v>
      </c>
      <c r="E753" s="7">
        <f t="shared" si="23"/>
        <v>-5.6028616975776664E-2</v>
      </c>
      <c r="H753" s="8"/>
      <c r="S753" s="8"/>
    </row>
    <row r="754" spans="1:19">
      <c r="A754" s="6">
        <v>755</v>
      </c>
      <c r="B754" s="6">
        <v>51399</v>
      </c>
      <c r="C754" s="6">
        <v>54334</v>
      </c>
      <c r="D754" s="6">
        <f t="shared" si="22"/>
        <v>-2935</v>
      </c>
      <c r="E754" s="7">
        <f t="shared" si="23"/>
        <v>-5.7102278254440746E-2</v>
      </c>
      <c r="H754" s="8"/>
      <c r="S754" s="8"/>
    </row>
    <row r="755" spans="1:19">
      <c r="A755" s="6">
        <v>756</v>
      </c>
      <c r="B755" s="6">
        <v>51453</v>
      </c>
      <c r="C755" s="6">
        <v>54316</v>
      </c>
      <c r="D755" s="6">
        <f t="shared" si="22"/>
        <v>-2863</v>
      </c>
      <c r="E755" s="7">
        <f t="shared" si="23"/>
        <v>-5.5643014012788372E-2</v>
      </c>
      <c r="H755" s="8"/>
      <c r="S755" s="8"/>
    </row>
    <row r="756" spans="1:19">
      <c r="A756" s="6">
        <v>757</v>
      </c>
      <c r="B756" s="6">
        <v>51408</v>
      </c>
      <c r="C756" s="6">
        <v>54346</v>
      </c>
      <c r="D756" s="6">
        <f t="shared" si="22"/>
        <v>-2938</v>
      </c>
      <c r="E756" s="7">
        <f t="shared" si="23"/>
        <v>-5.7150638032990975E-2</v>
      </c>
      <c r="H756" s="8"/>
      <c r="S756" s="8"/>
    </row>
    <row r="757" spans="1:19">
      <c r="A757" s="6">
        <v>758</v>
      </c>
      <c r="B757" s="6">
        <v>51403</v>
      </c>
      <c r="C757" s="6">
        <v>54315</v>
      </c>
      <c r="D757" s="6">
        <f t="shared" si="22"/>
        <v>-2912</v>
      </c>
      <c r="E757" s="7">
        <f t="shared" si="23"/>
        <v>-5.665039005505515E-2</v>
      </c>
      <c r="H757" s="8"/>
      <c r="S757" s="8"/>
    </row>
    <row r="758" spans="1:19">
      <c r="A758" s="6">
        <v>759</v>
      </c>
      <c r="B758" s="6">
        <v>51402</v>
      </c>
      <c r="C758" s="6">
        <v>54318</v>
      </c>
      <c r="D758" s="6">
        <f t="shared" si="22"/>
        <v>-2916</v>
      </c>
      <c r="E758" s="7">
        <f t="shared" si="23"/>
        <v>-5.6729310143574178E-2</v>
      </c>
      <c r="H758" s="8"/>
      <c r="S758" s="8"/>
    </row>
    <row r="759" spans="1:19">
      <c r="A759" s="6">
        <v>760</v>
      </c>
      <c r="B759" s="6">
        <v>51389</v>
      </c>
      <c r="C759" s="6">
        <v>54744</v>
      </c>
      <c r="D759" s="6">
        <f t="shared" si="22"/>
        <v>-3355</v>
      </c>
      <c r="E759" s="7">
        <f t="shared" si="23"/>
        <v>-6.5286345326820913E-2</v>
      </c>
      <c r="H759" s="8"/>
      <c r="S759" s="8"/>
    </row>
    <row r="760" spans="1:19">
      <c r="A760" s="6">
        <v>761</v>
      </c>
      <c r="B760" s="6">
        <v>51402</v>
      </c>
      <c r="C760" s="6">
        <v>55154</v>
      </c>
      <c r="D760" s="6">
        <f t="shared" si="22"/>
        <v>-3752</v>
      </c>
      <c r="E760" s="7">
        <f t="shared" si="23"/>
        <v>-7.2993268744406828E-2</v>
      </c>
      <c r="H760" s="8"/>
      <c r="S760" s="8"/>
    </row>
    <row r="761" spans="1:19">
      <c r="A761" s="6">
        <v>762</v>
      </c>
      <c r="B761" s="6">
        <v>51389</v>
      </c>
      <c r="C761" s="6">
        <v>55164</v>
      </c>
      <c r="D761" s="6">
        <f t="shared" si="22"/>
        <v>-3775</v>
      </c>
      <c r="E761" s="7">
        <f t="shared" si="23"/>
        <v>-7.3459300628539184E-2</v>
      </c>
      <c r="H761" s="8"/>
      <c r="S761" s="8"/>
    </row>
    <row r="762" spans="1:19">
      <c r="A762" s="6">
        <v>763</v>
      </c>
      <c r="B762" s="6">
        <v>51440</v>
      </c>
      <c r="C762" s="6">
        <v>55147</v>
      </c>
      <c r="D762" s="6">
        <f t="shared" si="22"/>
        <v>-3707</v>
      </c>
      <c r="E762" s="7">
        <f t="shared" si="23"/>
        <v>-7.2064541213063757E-2</v>
      </c>
      <c r="H762" s="8"/>
      <c r="S762" s="8"/>
    </row>
    <row r="763" spans="1:19">
      <c r="A763" s="6">
        <v>764</v>
      </c>
      <c r="B763" s="6">
        <v>51450</v>
      </c>
      <c r="C763" s="6">
        <v>55171</v>
      </c>
      <c r="D763" s="6">
        <f t="shared" si="22"/>
        <v>-3721</v>
      </c>
      <c r="E763" s="7">
        <f t="shared" si="23"/>
        <v>-7.232264334305151E-2</v>
      </c>
      <c r="H763" s="8"/>
      <c r="S763" s="8"/>
    </row>
    <row r="764" spans="1:19">
      <c r="A764" s="6">
        <v>765</v>
      </c>
      <c r="B764" s="6">
        <v>51409</v>
      </c>
      <c r="C764" s="6">
        <v>55204</v>
      </c>
      <c r="D764" s="6">
        <f t="shared" si="22"/>
        <v>-3795</v>
      </c>
      <c r="E764" s="7">
        <f t="shared" si="23"/>
        <v>-7.3819759186134717E-2</v>
      </c>
      <c r="H764" s="8"/>
      <c r="S764" s="8"/>
    </row>
    <row r="765" spans="1:19">
      <c r="A765" s="6">
        <v>766</v>
      </c>
      <c r="B765" s="6">
        <v>51402</v>
      </c>
      <c r="C765" s="6">
        <v>55210</v>
      </c>
      <c r="D765" s="6">
        <f t="shared" si="22"/>
        <v>-3808</v>
      </c>
      <c r="E765" s="7">
        <f t="shared" si="23"/>
        <v>-7.4082720516711414E-2</v>
      </c>
      <c r="H765" s="8"/>
      <c r="S765" s="8"/>
    </row>
    <row r="766" spans="1:19">
      <c r="A766" s="6">
        <v>767</v>
      </c>
      <c r="B766" s="6">
        <v>51423</v>
      </c>
      <c r="C766" s="6">
        <v>55241</v>
      </c>
      <c r="D766" s="6">
        <f t="shared" si="22"/>
        <v>-3818</v>
      </c>
      <c r="E766" s="7">
        <f t="shared" si="23"/>
        <v>-7.4246932306555435E-2</v>
      </c>
      <c r="H766" s="8"/>
      <c r="S766" s="8"/>
    </row>
    <row r="767" spans="1:19">
      <c r="A767" s="6">
        <v>768</v>
      </c>
      <c r="B767" s="6">
        <v>50580</v>
      </c>
      <c r="C767" s="6">
        <v>50617</v>
      </c>
      <c r="D767" s="6">
        <f t="shared" si="22"/>
        <v>-37</v>
      </c>
      <c r="E767" s="7">
        <f t="shared" si="23"/>
        <v>-7.3151443258204826E-4</v>
      </c>
      <c r="H767" s="8"/>
      <c r="S767" s="8"/>
    </row>
    <row r="768" spans="1:19">
      <c r="A768" s="6">
        <v>769</v>
      </c>
      <c r="B768" s="6">
        <v>53598</v>
      </c>
      <c r="C768" s="6">
        <v>52712</v>
      </c>
      <c r="D768" s="6">
        <f t="shared" si="22"/>
        <v>886</v>
      </c>
      <c r="E768" s="7">
        <f t="shared" si="23"/>
        <v>1.6530467554759506E-2</v>
      </c>
      <c r="H768" s="8"/>
      <c r="S768" s="8"/>
    </row>
    <row r="769" spans="1:19">
      <c r="A769" s="6">
        <v>770</v>
      </c>
      <c r="B769" s="6">
        <v>53501</v>
      </c>
      <c r="C769" s="6">
        <v>52700</v>
      </c>
      <c r="D769" s="6">
        <f t="shared" si="22"/>
        <v>801</v>
      </c>
      <c r="E769" s="7">
        <f t="shared" si="23"/>
        <v>1.497168277228463E-2</v>
      </c>
      <c r="H769" s="8"/>
      <c r="S769" s="8"/>
    </row>
    <row r="770" spans="1:19">
      <c r="A770" s="6">
        <v>771</v>
      </c>
      <c r="B770" s="6">
        <v>53547</v>
      </c>
      <c r="C770" s="6">
        <v>52670</v>
      </c>
      <c r="D770" s="6">
        <f t="shared" si="22"/>
        <v>877</v>
      </c>
      <c r="E770" s="7">
        <f t="shared" si="23"/>
        <v>1.6378135096270566E-2</v>
      </c>
      <c r="H770" s="8"/>
      <c r="S770" s="8"/>
    </row>
    <row r="771" spans="1:19">
      <c r="A771" s="6">
        <v>772</v>
      </c>
      <c r="B771" s="6">
        <v>53498</v>
      </c>
      <c r="C771" s="6">
        <v>52648</v>
      </c>
      <c r="D771" s="6">
        <f t="shared" si="22"/>
        <v>850</v>
      </c>
      <c r="E771" s="7">
        <f t="shared" si="23"/>
        <v>1.5888444427829079E-2</v>
      </c>
      <c r="H771" s="8"/>
      <c r="S771" s="8"/>
    </row>
    <row r="772" spans="1:19">
      <c r="A772" s="6">
        <v>773</v>
      </c>
      <c r="B772" s="6">
        <v>53483</v>
      </c>
      <c r="C772" s="6">
        <v>52676</v>
      </c>
      <c r="D772" s="6">
        <f t="shared" ref="D772:D835" si="24">B772-C772</f>
        <v>807</v>
      </c>
      <c r="E772" s="7">
        <f t="shared" ref="E772:E835" si="25">D772/B772</f>
        <v>1.508890675541761E-2</v>
      </c>
      <c r="H772" s="8"/>
      <c r="S772" s="8"/>
    </row>
    <row r="773" spans="1:19">
      <c r="A773" s="6">
        <v>774</v>
      </c>
      <c r="B773" s="6">
        <v>53487</v>
      </c>
      <c r="C773" s="6">
        <v>52711</v>
      </c>
      <c r="D773" s="6">
        <f t="shared" si="24"/>
        <v>776</v>
      </c>
      <c r="E773" s="7">
        <f t="shared" si="25"/>
        <v>1.4508198253781293E-2</v>
      </c>
      <c r="H773" s="8"/>
      <c r="S773" s="8"/>
    </row>
    <row r="774" spans="1:19">
      <c r="A774" s="6">
        <v>775</v>
      </c>
      <c r="B774" s="6">
        <v>53528</v>
      </c>
      <c r="C774" s="6">
        <v>52671</v>
      </c>
      <c r="D774" s="6">
        <f t="shared" si="24"/>
        <v>857</v>
      </c>
      <c r="E774" s="7">
        <f t="shared" si="25"/>
        <v>1.6010312359886415E-2</v>
      </c>
      <c r="H774" s="8"/>
      <c r="S774" s="8"/>
    </row>
    <row r="775" spans="1:19">
      <c r="A775" s="6">
        <v>776</v>
      </c>
      <c r="B775" s="6">
        <v>53496</v>
      </c>
      <c r="C775" s="6">
        <v>53081</v>
      </c>
      <c r="D775" s="6">
        <f t="shared" si="24"/>
        <v>415</v>
      </c>
      <c r="E775" s="7">
        <f t="shared" si="25"/>
        <v>7.7575893524749516E-3</v>
      </c>
      <c r="H775" s="8"/>
      <c r="S775" s="8"/>
    </row>
    <row r="776" spans="1:19">
      <c r="A776" s="6">
        <v>777</v>
      </c>
      <c r="B776" s="6">
        <v>53524</v>
      </c>
      <c r="C776" s="6">
        <v>53478</v>
      </c>
      <c r="D776" s="6">
        <f t="shared" si="24"/>
        <v>46</v>
      </c>
      <c r="E776" s="7">
        <f t="shared" si="25"/>
        <v>8.5942754652118677E-4</v>
      </c>
      <c r="H776" s="8"/>
      <c r="S776" s="8"/>
    </row>
    <row r="777" spans="1:19">
      <c r="A777" s="6">
        <v>778</v>
      </c>
      <c r="B777" s="6">
        <v>53521</v>
      </c>
      <c r="C777" s="6">
        <v>53486</v>
      </c>
      <c r="D777" s="6">
        <f t="shared" si="24"/>
        <v>35</v>
      </c>
      <c r="E777" s="7">
        <f t="shared" si="25"/>
        <v>6.5394891724743557E-4</v>
      </c>
      <c r="H777" s="8"/>
      <c r="S777" s="8"/>
    </row>
    <row r="778" spans="1:19">
      <c r="A778" s="6">
        <v>779</v>
      </c>
      <c r="B778" s="6">
        <v>53483</v>
      </c>
      <c r="C778" s="6">
        <v>53480</v>
      </c>
      <c r="D778" s="6">
        <f t="shared" si="24"/>
        <v>3</v>
      </c>
      <c r="E778" s="7">
        <f t="shared" si="25"/>
        <v>5.6092590168838696E-5</v>
      </c>
      <c r="H778" s="8"/>
      <c r="S778" s="8"/>
    </row>
    <row r="779" spans="1:19">
      <c r="A779" s="6">
        <v>780</v>
      </c>
      <c r="B779" s="6">
        <v>53535</v>
      </c>
      <c r="C779" s="6">
        <v>53496</v>
      </c>
      <c r="D779" s="6">
        <f t="shared" si="24"/>
        <v>39</v>
      </c>
      <c r="E779" s="7">
        <f t="shared" si="25"/>
        <v>7.2849537685626224E-4</v>
      </c>
      <c r="H779" s="8"/>
      <c r="S779" s="8"/>
    </row>
    <row r="780" spans="1:19">
      <c r="A780" s="6">
        <v>781</v>
      </c>
      <c r="B780" s="6">
        <v>53502</v>
      </c>
      <c r="C780" s="6">
        <v>53498</v>
      </c>
      <c r="D780" s="6">
        <f t="shared" si="24"/>
        <v>4</v>
      </c>
      <c r="E780" s="7">
        <f t="shared" si="25"/>
        <v>7.4763560240738664E-5</v>
      </c>
      <c r="H780" s="8"/>
      <c r="S780" s="8"/>
    </row>
    <row r="781" spans="1:19">
      <c r="A781" s="6">
        <v>782</v>
      </c>
      <c r="B781" s="6">
        <v>53496</v>
      </c>
      <c r="C781" s="6">
        <v>53547</v>
      </c>
      <c r="D781" s="6">
        <f t="shared" si="24"/>
        <v>-51</v>
      </c>
      <c r="E781" s="7">
        <f t="shared" si="25"/>
        <v>-9.533423059668013E-4</v>
      </c>
      <c r="H781" s="8"/>
      <c r="S781" s="8"/>
    </row>
    <row r="782" spans="1:19">
      <c r="A782" s="6">
        <v>783</v>
      </c>
      <c r="B782" s="6">
        <v>53484</v>
      </c>
      <c r="C782" s="6">
        <v>53470</v>
      </c>
      <c r="D782" s="6">
        <f t="shared" si="24"/>
        <v>14</v>
      </c>
      <c r="E782" s="7">
        <f t="shared" si="25"/>
        <v>2.617605265126019E-4</v>
      </c>
      <c r="H782" s="8"/>
      <c r="S782" s="8"/>
    </row>
    <row r="783" spans="1:19">
      <c r="A783" s="6">
        <v>784</v>
      </c>
      <c r="B783" s="6">
        <v>53476</v>
      </c>
      <c r="C783" s="6">
        <v>53917</v>
      </c>
      <c r="D783" s="6">
        <f t="shared" si="24"/>
        <v>-441</v>
      </c>
      <c r="E783" s="7">
        <f t="shared" si="25"/>
        <v>-8.2466901039718755E-3</v>
      </c>
      <c r="H783" s="8"/>
      <c r="S783" s="8"/>
    </row>
    <row r="784" spans="1:19">
      <c r="A784" s="6">
        <v>785</v>
      </c>
      <c r="B784" s="6">
        <v>53508</v>
      </c>
      <c r="C784" s="6">
        <v>54355</v>
      </c>
      <c r="D784" s="6">
        <f t="shared" si="24"/>
        <v>-847</v>
      </c>
      <c r="E784" s="7">
        <f t="shared" si="25"/>
        <v>-1.5829408686551544E-2</v>
      </c>
      <c r="H784" s="8"/>
      <c r="S784" s="8"/>
    </row>
    <row r="785" spans="1:19">
      <c r="A785" s="6">
        <v>786</v>
      </c>
      <c r="B785" s="6">
        <v>53498</v>
      </c>
      <c r="C785" s="6">
        <v>54322</v>
      </c>
      <c r="D785" s="6">
        <f t="shared" si="24"/>
        <v>-824</v>
      </c>
      <c r="E785" s="7">
        <f t="shared" si="25"/>
        <v>-1.5402444951213129E-2</v>
      </c>
      <c r="H785" s="8"/>
      <c r="S785" s="8"/>
    </row>
    <row r="786" spans="1:19">
      <c r="A786" s="6">
        <v>787</v>
      </c>
      <c r="B786" s="6">
        <v>53485</v>
      </c>
      <c r="C786" s="6">
        <v>54321</v>
      </c>
      <c r="D786" s="6">
        <f t="shared" si="24"/>
        <v>-836</v>
      </c>
      <c r="E786" s="7">
        <f t="shared" si="25"/>
        <v>-1.5630550621669625E-2</v>
      </c>
      <c r="H786" s="8"/>
      <c r="S786" s="8"/>
    </row>
    <row r="787" spans="1:19">
      <c r="A787" s="6">
        <v>788</v>
      </c>
      <c r="B787" s="6">
        <v>53518</v>
      </c>
      <c r="C787" s="6">
        <v>54411</v>
      </c>
      <c r="D787" s="6">
        <f t="shared" si="24"/>
        <v>-893</v>
      </c>
      <c r="E787" s="7">
        <f t="shared" si="25"/>
        <v>-1.6685974812212713E-2</v>
      </c>
      <c r="H787" s="8"/>
      <c r="S787" s="8"/>
    </row>
    <row r="788" spans="1:19">
      <c r="A788" s="6">
        <v>789</v>
      </c>
      <c r="B788" s="6">
        <v>54320</v>
      </c>
      <c r="C788" s="6">
        <v>54311</v>
      </c>
      <c r="D788" s="6">
        <f t="shared" si="24"/>
        <v>9</v>
      </c>
      <c r="E788" s="7">
        <f t="shared" si="25"/>
        <v>1.6568483063328425E-4</v>
      </c>
      <c r="H788" s="8"/>
      <c r="S788" s="8"/>
    </row>
    <row r="789" spans="1:19">
      <c r="A789" s="6">
        <v>790</v>
      </c>
      <c r="B789" s="6">
        <v>53482</v>
      </c>
      <c r="C789" s="6">
        <v>54330</v>
      </c>
      <c r="D789" s="6">
        <f t="shared" si="24"/>
        <v>-848</v>
      </c>
      <c r="E789" s="7">
        <f t="shared" si="25"/>
        <v>-1.5855801952058636E-2</v>
      </c>
      <c r="H789" s="8"/>
      <c r="S789" s="8"/>
    </row>
    <row r="790" spans="1:19">
      <c r="A790" s="6">
        <v>791</v>
      </c>
      <c r="B790" s="6">
        <v>53519</v>
      </c>
      <c r="C790" s="6">
        <v>54315</v>
      </c>
      <c r="D790" s="6">
        <f t="shared" si="24"/>
        <v>-796</v>
      </c>
      <c r="E790" s="7">
        <f t="shared" si="25"/>
        <v>-1.4873222593845176E-2</v>
      </c>
      <c r="H790" s="8"/>
      <c r="S790" s="8"/>
    </row>
    <row r="791" spans="1:19">
      <c r="A791" s="6">
        <v>792</v>
      </c>
      <c r="B791" s="6">
        <v>53465</v>
      </c>
      <c r="C791" s="6">
        <v>54727</v>
      </c>
      <c r="D791" s="6">
        <f t="shared" si="24"/>
        <v>-1262</v>
      </c>
      <c r="E791" s="7">
        <f t="shared" si="25"/>
        <v>-2.3604227064434678E-2</v>
      </c>
      <c r="H791" s="8"/>
      <c r="S791" s="8"/>
    </row>
    <row r="792" spans="1:19">
      <c r="A792" s="6">
        <v>793</v>
      </c>
      <c r="B792" s="6">
        <v>53484</v>
      </c>
      <c r="C792" s="6">
        <v>55198</v>
      </c>
      <c r="D792" s="6">
        <f t="shared" si="24"/>
        <v>-1714</v>
      </c>
      <c r="E792" s="7">
        <f t="shared" si="25"/>
        <v>-3.2046967317328548E-2</v>
      </c>
      <c r="H792" s="8"/>
      <c r="S792" s="8"/>
    </row>
    <row r="793" spans="1:19">
      <c r="A793" s="6">
        <v>794</v>
      </c>
      <c r="B793" s="6">
        <v>53500</v>
      </c>
      <c r="C793" s="6">
        <v>55202</v>
      </c>
      <c r="D793" s="6">
        <f t="shared" si="24"/>
        <v>-1702</v>
      </c>
      <c r="E793" s="7">
        <f t="shared" si="25"/>
        <v>-3.1813084112149531E-2</v>
      </c>
      <c r="H793" s="8"/>
      <c r="S793" s="8"/>
    </row>
    <row r="794" spans="1:19">
      <c r="A794" s="6">
        <v>795</v>
      </c>
      <c r="B794" s="6">
        <v>53471</v>
      </c>
      <c r="C794" s="6">
        <v>55198</v>
      </c>
      <c r="D794" s="6">
        <f t="shared" si="24"/>
        <v>-1727</v>
      </c>
      <c r="E794" s="7">
        <f t="shared" si="25"/>
        <v>-3.2297881094425017E-2</v>
      </c>
      <c r="H794" s="8"/>
      <c r="S794" s="8"/>
    </row>
    <row r="795" spans="1:19">
      <c r="A795" s="6">
        <v>796</v>
      </c>
      <c r="B795" s="6">
        <v>53479</v>
      </c>
      <c r="C795" s="6">
        <v>55183</v>
      </c>
      <c r="D795" s="6">
        <f t="shared" si="24"/>
        <v>-1704</v>
      </c>
      <c r="E795" s="7">
        <f t="shared" si="25"/>
        <v>-3.1862974251575388E-2</v>
      </c>
      <c r="H795" s="8"/>
      <c r="S795" s="8"/>
    </row>
    <row r="796" spans="1:19">
      <c r="A796" s="6">
        <v>797</v>
      </c>
      <c r="B796" s="6">
        <v>53472</v>
      </c>
      <c r="C796" s="6">
        <v>55146</v>
      </c>
      <c r="D796" s="6">
        <f t="shared" si="24"/>
        <v>-1674</v>
      </c>
      <c r="E796" s="7">
        <f t="shared" si="25"/>
        <v>-3.1306104129263913E-2</v>
      </c>
      <c r="H796" s="8"/>
      <c r="S796" s="8"/>
    </row>
    <row r="797" spans="1:19">
      <c r="A797" s="6">
        <v>798</v>
      </c>
      <c r="B797" s="6">
        <v>53468</v>
      </c>
      <c r="C797" s="6">
        <v>55179</v>
      </c>
      <c r="D797" s="6">
        <f t="shared" si="24"/>
        <v>-1711</v>
      </c>
      <c r="E797" s="7">
        <f t="shared" si="25"/>
        <v>-3.2000448866611804E-2</v>
      </c>
      <c r="H797" s="8"/>
      <c r="S797" s="8"/>
    </row>
    <row r="798" spans="1:19">
      <c r="A798" s="6">
        <v>799</v>
      </c>
      <c r="B798" s="6">
        <v>53898</v>
      </c>
      <c r="C798" s="6">
        <v>55258</v>
      </c>
      <c r="D798" s="6">
        <f t="shared" si="24"/>
        <v>-1360</v>
      </c>
      <c r="E798" s="7">
        <f t="shared" si="25"/>
        <v>-2.5232847229952875E-2</v>
      </c>
      <c r="H798" s="8"/>
      <c r="S798" s="8"/>
    </row>
    <row r="799" spans="1:19">
      <c r="A799" s="6">
        <v>800</v>
      </c>
      <c r="B799" s="6">
        <v>53909</v>
      </c>
      <c r="C799" s="6">
        <v>55566</v>
      </c>
      <c r="D799" s="6">
        <f t="shared" si="24"/>
        <v>-1657</v>
      </c>
      <c r="E799" s="7">
        <f t="shared" si="25"/>
        <v>-3.0736982693056816E-2</v>
      </c>
      <c r="H799" s="8"/>
      <c r="S799" s="8"/>
    </row>
    <row r="800" spans="1:19">
      <c r="A800" s="6">
        <v>801</v>
      </c>
      <c r="B800" s="6">
        <v>54302</v>
      </c>
      <c r="C800" s="6">
        <v>55973</v>
      </c>
      <c r="D800" s="6">
        <f t="shared" si="24"/>
        <v>-1671</v>
      </c>
      <c r="E800" s="7">
        <f t="shared" si="25"/>
        <v>-3.0772347243195462E-2</v>
      </c>
      <c r="H800" s="8"/>
      <c r="S800" s="8"/>
    </row>
    <row r="801" spans="1:19">
      <c r="A801" s="6">
        <v>802</v>
      </c>
      <c r="B801" s="6">
        <v>54311</v>
      </c>
      <c r="C801" s="6">
        <v>55968</v>
      </c>
      <c r="D801" s="6">
        <f t="shared" si="24"/>
        <v>-1657</v>
      </c>
      <c r="E801" s="7">
        <f t="shared" si="25"/>
        <v>-3.0509473219053229E-2</v>
      </c>
      <c r="H801" s="8"/>
      <c r="S801" s="8"/>
    </row>
    <row r="802" spans="1:19">
      <c r="A802" s="6">
        <v>803</v>
      </c>
      <c r="B802" s="6">
        <v>54350</v>
      </c>
      <c r="C802" s="6">
        <v>55971</v>
      </c>
      <c r="D802" s="6">
        <f t="shared" si="24"/>
        <v>-1621</v>
      </c>
      <c r="E802" s="7">
        <f t="shared" si="25"/>
        <v>-2.9825206991720331E-2</v>
      </c>
      <c r="H802" s="8"/>
      <c r="S802" s="8"/>
    </row>
    <row r="803" spans="1:19">
      <c r="A803" s="6">
        <v>804</v>
      </c>
      <c r="B803" s="6">
        <v>54365</v>
      </c>
      <c r="C803" s="6">
        <v>55970</v>
      </c>
      <c r="D803" s="6">
        <f t="shared" si="24"/>
        <v>-1605</v>
      </c>
      <c r="E803" s="7">
        <f t="shared" si="25"/>
        <v>-2.952267083601582E-2</v>
      </c>
      <c r="H803" s="8"/>
      <c r="S803" s="8"/>
    </row>
    <row r="804" spans="1:19">
      <c r="A804" s="6">
        <v>805</v>
      </c>
      <c r="B804" s="6">
        <v>54305</v>
      </c>
      <c r="C804" s="6">
        <v>55977</v>
      </c>
      <c r="D804" s="6">
        <f t="shared" si="24"/>
        <v>-1672</v>
      </c>
      <c r="E804" s="7">
        <f t="shared" si="25"/>
        <v>-3.0789061780683177E-2</v>
      </c>
      <c r="H804" s="8"/>
      <c r="S804" s="8"/>
    </row>
    <row r="805" spans="1:19">
      <c r="A805" s="6">
        <v>806</v>
      </c>
      <c r="B805" s="6">
        <v>54316</v>
      </c>
      <c r="C805" s="6">
        <v>55975</v>
      </c>
      <c r="D805" s="6">
        <f t="shared" si="24"/>
        <v>-1659</v>
      </c>
      <c r="E805" s="7">
        <f t="shared" si="25"/>
        <v>-3.0543486265557109E-2</v>
      </c>
      <c r="H805" s="8"/>
      <c r="S805" s="8"/>
    </row>
    <row r="806" spans="1:19">
      <c r="A806" s="6">
        <v>807</v>
      </c>
      <c r="B806" s="6">
        <v>54311</v>
      </c>
      <c r="C806" s="6">
        <v>55978</v>
      </c>
      <c r="D806" s="6">
        <f t="shared" si="24"/>
        <v>-1667</v>
      </c>
      <c r="E806" s="7">
        <f t="shared" si="25"/>
        <v>-3.0693597981992598E-2</v>
      </c>
      <c r="H806" s="8"/>
      <c r="S806" s="8"/>
    </row>
    <row r="807" spans="1:19">
      <c r="A807" s="6">
        <v>808</v>
      </c>
      <c r="B807" s="6">
        <v>54315</v>
      </c>
      <c r="C807" s="6">
        <v>56457</v>
      </c>
      <c r="D807" s="6">
        <f t="shared" si="24"/>
        <v>-2142</v>
      </c>
      <c r="E807" s="7">
        <f t="shared" si="25"/>
        <v>-3.9436619718309862E-2</v>
      </c>
      <c r="H807" s="8"/>
      <c r="S807" s="8"/>
    </row>
    <row r="808" spans="1:19">
      <c r="A808" s="6">
        <v>809</v>
      </c>
      <c r="B808" s="6">
        <v>54316</v>
      </c>
      <c r="C808" s="6">
        <v>56814</v>
      </c>
      <c r="D808" s="6">
        <f t="shared" si="24"/>
        <v>-2498</v>
      </c>
      <c r="E808" s="7">
        <f t="shared" si="25"/>
        <v>-4.5990131821194491E-2</v>
      </c>
      <c r="H808" s="8"/>
      <c r="S808" s="8"/>
    </row>
    <row r="809" spans="1:19">
      <c r="A809" s="6">
        <v>810</v>
      </c>
      <c r="B809" s="6">
        <v>54369</v>
      </c>
      <c r="C809" s="6">
        <v>56812</v>
      </c>
      <c r="D809" s="6">
        <f t="shared" si="24"/>
        <v>-2443</v>
      </c>
      <c r="E809" s="7">
        <f t="shared" si="25"/>
        <v>-4.4933693832882711E-2</v>
      </c>
      <c r="H809" s="8"/>
      <c r="S809" s="8"/>
    </row>
    <row r="810" spans="1:19">
      <c r="A810" s="6">
        <v>811</v>
      </c>
      <c r="B810" s="6">
        <v>54355</v>
      </c>
      <c r="C810" s="6">
        <v>56805</v>
      </c>
      <c r="D810" s="6">
        <f t="shared" si="24"/>
        <v>-2450</v>
      </c>
      <c r="E810" s="7">
        <f t="shared" si="25"/>
        <v>-4.5074050225370248E-2</v>
      </c>
      <c r="H810" s="8"/>
      <c r="S810" s="8"/>
    </row>
    <row r="811" spans="1:19">
      <c r="A811" s="6">
        <v>812</v>
      </c>
      <c r="B811" s="6">
        <v>54298</v>
      </c>
      <c r="C811" s="6">
        <v>56865</v>
      </c>
      <c r="D811" s="6">
        <f t="shared" si="24"/>
        <v>-2567</v>
      </c>
      <c r="E811" s="7">
        <f t="shared" si="25"/>
        <v>-4.7276142767689419E-2</v>
      </c>
      <c r="H811" s="8"/>
      <c r="S811" s="8"/>
    </row>
    <row r="812" spans="1:19">
      <c r="A812" s="6">
        <v>813</v>
      </c>
      <c r="B812" s="6">
        <v>54322</v>
      </c>
      <c r="C812" s="6">
        <v>56806</v>
      </c>
      <c r="D812" s="6">
        <f t="shared" si="24"/>
        <v>-2484</v>
      </c>
      <c r="E812" s="7">
        <f t="shared" si="25"/>
        <v>-4.5727329627038772E-2</v>
      </c>
      <c r="H812" s="8"/>
      <c r="S812" s="8"/>
    </row>
    <row r="813" spans="1:19">
      <c r="A813" s="6">
        <v>814</v>
      </c>
      <c r="B813" s="6">
        <v>54292</v>
      </c>
      <c r="C813" s="6">
        <v>56809</v>
      </c>
      <c r="D813" s="6">
        <f t="shared" si="24"/>
        <v>-2517</v>
      </c>
      <c r="E813" s="7">
        <f t="shared" si="25"/>
        <v>-4.6360421424887645E-2</v>
      </c>
      <c r="H813" s="8"/>
      <c r="S813" s="8"/>
    </row>
    <row r="814" spans="1:19">
      <c r="A814" s="6">
        <v>815</v>
      </c>
      <c r="B814" s="6">
        <v>54318</v>
      </c>
      <c r="C814" s="6">
        <v>56812</v>
      </c>
      <c r="D814" s="6">
        <f t="shared" si="24"/>
        <v>-2494</v>
      </c>
      <c r="E814" s="7">
        <f t="shared" si="25"/>
        <v>-4.5914798041164995E-2</v>
      </c>
      <c r="H814" s="8"/>
      <c r="S814" s="8"/>
    </row>
    <row r="815" spans="1:19">
      <c r="A815" s="6">
        <v>816</v>
      </c>
      <c r="B815" s="6">
        <v>54783</v>
      </c>
      <c r="C815" s="6">
        <v>57232</v>
      </c>
      <c r="D815" s="6">
        <f t="shared" si="24"/>
        <v>-2449</v>
      </c>
      <c r="E815" s="7">
        <f t="shared" si="25"/>
        <v>-4.4703648942190095E-2</v>
      </c>
      <c r="H815" s="8"/>
      <c r="S815" s="8"/>
    </row>
    <row r="816" spans="1:19">
      <c r="A816" s="6">
        <v>817</v>
      </c>
      <c r="B816" s="6">
        <v>54782</v>
      </c>
      <c r="C816" s="6">
        <v>57636</v>
      </c>
      <c r="D816" s="6">
        <f t="shared" si="24"/>
        <v>-2854</v>
      </c>
      <c r="E816" s="7">
        <f t="shared" si="25"/>
        <v>-5.2097404256872697E-2</v>
      </c>
      <c r="H816" s="8"/>
      <c r="S816" s="8"/>
    </row>
    <row r="817" spans="1:19">
      <c r="A817" s="6">
        <v>818</v>
      </c>
      <c r="B817" s="6">
        <v>54719</v>
      </c>
      <c r="C817" s="6">
        <v>57647</v>
      </c>
      <c r="D817" s="6">
        <f t="shared" si="24"/>
        <v>-2928</v>
      </c>
      <c r="E817" s="7">
        <f t="shared" si="25"/>
        <v>-5.3509749812679322E-2</v>
      </c>
      <c r="H817" s="8"/>
      <c r="S817" s="8"/>
    </row>
    <row r="818" spans="1:19">
      <c r="A818" s="6">
        <v>819</v>
      </c>
      <c r="B818" s="6">
        <v>54728</v>
      </c>
      <c r="C818" s="6">
        <v>57711</v>
      </c>
      <c r="D818" s="6">
        <f t="shared" si="24"/>
        <v>-2983</v>
      </c>
      <c r="E818" s="7">
        <f t="shared" si="25"/>
        <v>-5.4505920187107149E-2</v>
      </c>
      <c r="H818" s="8"/>
      <c r="S818" s="8"/>
    </row>
    <row r="819" spans="1:19">
      <c r="A819" s="6">
        <v>820</v>
      </c>
      <c r="B819" s="6">
        <v>54728</v>
      </c>
      <c r="C819" s="6">
        <v>57723</v>
      </c>
      <c r="D819" s="6">
        <f t="shared" si="24"/>
        <v>-2995</v>
      </c>
      <c r="E819" s="7">
        <f t="shared" si="25"/>
        <v>-5.4725186376260782E-2</v>
      </c>
      <c r="H819" s="8"/>
      <c r="S819" s="8"/>
    </row>
    <row r="820" spans="1:19">
      <c r="A820" s="6">
        <v>821</v>
      </c>
      <c r="B820" s="6">
        <v>54733</v>
      </c>
      <c r="C820" s="6">
        <v>57643</v>
      </c>
      <c r="D820" s="6">
        <f t="shared" si="24"/>
        <v>-2910</v>
      </c>
      <c r="E820" s="7">
        <f t="shared" si="25"/>
        <v>-5.3167193466464473E-2</v>
      </c>
      <c r="H820" s="8"/>
      <c r="S820" s="8"/>
    </row>
    <row r="821" spans="1:19">
      <c r="A821" s="6">
        <v>822</v>
      </c>
      <c r="B821" s="6">
        <v>54748</v>
      </c>
      <c r="C821" s="6">
        <v>57739</v>
      </c>
      <c r="D821" s="6">
        <f t="shared" si="24"/>
        <v>-2991</v>
      </c>
      <c r="E821" s="7">
        <f t="shared" si="25"/>
        <v>-5.4632132680645866E-2</v>
      </c>
      <c r="H821" s="8"/>
      <c r="S821" s="8"/>
    </row>
    <row r="822" spans="1:19">
      <c r="A822" s="6">
        <v>823</v>
      </c>
      <c r="B822" s="6">
        <v>54880</v>
      </c>
      <c r="C822" s="6">
        <v>57706</v>
      </c>
      <c r="D822" s="6">
        <f t="shared" si="24"/>
        <v>-2826</v>
      </c>
      <c r="E822" s="7">
        <f t="shared" si="25"/>
        <v>-5.1494169096209914E-2</v>
      </c>
      <c r="H822" s="8"/>
      <c r="S822" s="8"/>
    </row>
    <row r="823" spans="1:19">
      <c r="A823" s="6">
        <v>824</v>
      </c>
      <c r="B823" s="6">
        <v>54766</v>
      </c>
      <c r="C823" s="6">
        <v>58136</v>
      </c>
      <c r="D823" s="6">
        <f t="shared" si="24"/>
        <v>-3370</v>
      </c>
      <c r="E823" s="7">
        <f t="shared" si="25"/>
        <v>-6.1534528722199902E-2</v>
      </c>
      <c r="H823" s="8"/>
      <c r="S823" s="8"/>
    </row>
    <row r="824" spans="1:19">
      <c r="A824" s="6">
        <v>825</v>
      </c>
      <c r="B824" s="6">
        <v>54724</v>
      </c>
      <c r="C824" s="6">
        <v>58485</v>
      </c>
      <c r="D824" s="6">
        <f t="shared" si="24"/>
        <v>-3761</v>
      </c>
      <c r="E824" s="7">
        <f t="shared" si="25"/>
        <v>-6.8726701264527443E-2</v>
      </c>
      <c r="H824" s="8"/>
      <c r="S824" s="8"/>
    </row>
    <row r="825" spans="1:19">
      <c r="A825" s="6">
        <v>826</v>
      </c>
      <c r="B825" s="6">
        <v>54721</v>
      </c>
      <c r="C825" s="6">
        <v>58482</v>
      </c>
      <c r="D825" s="6">
        <f t="shared" si="24"/>
        <v>-3761</v>
      </c>
      <c r="E825" s="7">
        <f t="shared" si="25"/>
        <v>-6.8730469106924222E-2</v>
      </c>
      <c r="H825" s="8"/>
      <c r="S825" s="8"/>
    </row>
    <row r="826" spans="1:19">
      <c r="A826" s="6">
        <v>827</v>
      </c>
      <c r="B826" s="6">
        <v>54818</v>
      </c>
      <c r="C826" s="6">
        <v>58527</v>
      </c>
      <c r="D826" s="6">
        <f t="shared" si="24"/>
        <v>-3709</v>
      </c>
      <c r="E826" s="7">
        <f t="shared" si="25"/>
        <v>-6.7660257579627126E-2</v>
      </c>
      <c r="H826" s="8"/>
      <c r="S826" s="8"/>
    </row>
    <row r="827" spans="1:19">
      <c r="A827" s="6">
        <v>828</v>
      </c>
      <c r="B827" s="6">
        <v>54780</v>
      </c>
      <c r="C827" s="6">
        <v>67360</v>
      </c>
      <c r="D827" s="6">
        <f t="shared" si="24"/>
        <v>-12580</v>
      </c>
      <c r="E827" s="7">
        <f t="shared" si="25"/>
        <v>-0.22964585615188024</v>
      </c>
      <c r="H827" s="8"/>
      <c r="S827" s="8"/>
    </row>
    <row r="828" spans="1:19">
      <c r="A828" s="6">
        <v>829</v>
      </c>
      <c r="B828" s="6">
        <v>54796</v>
      </c>
      <c r="C828" s="6">
        <v>58529</v>
      </c>
      <c r="D828" s="6">
        <f t="shared" si="24"/>
        <v>-3733</v>
      </c>
      <c r="E828" s="7">
        <f t="shared" si="25"/>
        <v>-6.8125410613913417E-2</v>
      </c>
      <c r="H828" s="8"/>
      <c r="S828" s="8"/>
    </row>
    <row r="829" spans="1:19">
      <c r="A829" s="6">
        <v>830</v>
      </c>
      <c r="B829" s="6">
        <v>54726</v>
      </c>
      <c r="C829" s="6">
        <v>58495</v>
      </c>
      <c r="D829" s="6">
        <f t="shared" si="24"/>
        <v>-3769</v>
      </c>
      <c r="E829" s="7">
        <f t="shared" si="25"/>
        <v>-6.8870372400687066E-2</v>
      </c>
      <c r="H829" s="8"/>
      <c r="S829" s="8"/>
    </row>
    <row r="830" spans="1:19">
      <c r="A830" s="6">
        <v>831</v>
      </c>
      <c r="B830" s="6">
        <v>54829</v>
      </c>
      <c r="C830" s="6">
        <v>58522</v>
      </c>
      <c r="D830" s="6">
        <f t="shared" si="24"/>
        <v>-3693</v>
      </c>
      <c r="E830" s="7">
        <f t="shared" si="25"/>
        <v>-6.7354866949971726E-2</v>
      </c>
      <c r="H830" s="8"/>
      <c r="S830" s="8"/>
    </row>
    <row r="831" spans="1:19">
      <c r="A831" s="6">
        <v>832</v>
      </c>
      <c r="B831" s="6">
        <v>53889</v>
      </c>
      <c r="C831" s="6">
        <v>53886</v>
      </c>
      <c r="D831" s="6">
        <f t="shared" si="24"/>
        <v>3</v>
      </c>
      <c r="E831" s="7">
        <f t="shared" si="25"/>
        <v>5.5669988309302457E-5</v>
      </c>
      <c r="H831" s="8"/>
      <c r="S831" s="8"/>
    </row>
    <row r="832" spans="1:19">
      <c r="A832" s="6">
        <v>833</v>
      </c>
      <c r="B832" s="6">
        <v>56839</v>
      </c>
      <c r="C832" s="6">
        <v>56119</v>
      </c>
      <c r="D832" s="6">
        <f t="shared" si="24"/>
        <v>720</v>
      </c>
      <c r="E832" s="7">
        <f t="shared" si="25"/>
        <v>1.2667358679779729E-2</v>
      </c>
      <c r="H832" s="8"/>
      <c r="S832" s="8"/>
    </row>
    <row r="833" spans="1:19">
      <c r="A833" s="6">
        <v>834</v>
      </c>
      <c r="B833" s="6">
        <v>56798</v>
      </c>
      <c r="C833" s="6">
        <v>55976</v>
      </c>
      <c r="D833" s="6">
        <f t="shared" si="24"/>
        <v>822</v>
      </c>
      <c r="E833" s="7">
        <f t="shared" si="25"/>
        <v>1.4472340575372371E-2</v>
      </c>
      <c r="H833" s="8"/>
      <c r="S833" s="8"/>
    </row>
    <row r="834" spans="1:19">
      <c r="A834" s="6">
        <v>835</v>
      </c>
      <c r="B834" s="6">
        <v>56804</v>
      </c>
      <c r="C834" s="6">
        <v>56056</v>
      </c>
      <c r="D834" s="6">
        <f t="shared" si="24"/>
        <v>748</v>
      </c>
      <c r="E834" s="7">
        <f t="shared" si="25"/>
        <v>1.3168086754453912E-2</v>
      </c>
      <c r="H834" s="8"/>
      <c r="S834" s="8"/>
    </row>
    <row r="835" spans="1:19">
      <c r="A835" s="6">
        <v>836</v>
      </c>
      <c r="B835" s="6">
        <v>56812</v>
      </c>
      <c r="C835" s="6">
        <v>56033</v>
      </c>
      <c r="D835" s="6">
        <f t="shared" si="24"/>
        <v>779</v>
      </c>
      <c r="E835" s="7">
        <f t="shared" si="25"/>
        <v>1.3711891853833697E-2</v>
      </c>
      <c r="H835" s="8"/>
      <c r="S835" s="8"/>
    </row>
    <row r="836" spans="1:19">
      <c r="A836" s="6">
        <v>837</v>
      </c>
      <c r="B836" s="6">
        <v>56814</v>
      </c>
      <c r="C836" s="6">
        <v>56006</v>
      </c>
      <c r="D836" s="6">
        <f t="shared" ref="D836:D899" si="26">B836-C836</f>
        <v>808</v>
      </c>
      <c r="E836" s="7">
        <f t="shared" ref="E836:E899" si="27">D836/B836</f>
        <v>1.4221846727919174E-2</v>
      </c>
      <c r="H836" s="8"/>
      <c r="S836" s="8"/>
    </row>
    <row r="837" spans="1:19">
      <c r="A837" s="6">
        <v>838</v>
      </c>
      <c r="B837" s="6">
        <v>56834</v>
      </c>
      <c r="C837" s="6">
        <v>55993</v>
      </c>
      <c r="D837" s="6">
        <f t="shared" si="26"/>
        <v>841</v>
      </c>
      <c r="E837" s="7">
        <f t="shared" si="27"/>
        <v>1.4797480381461801E-2</v>
      </c>
      <c r="H837" s="8"/>
      <c r="S837" s="8"/>
    </row>
    <row r="838" spans="1:19">
      <c r="A838" s="6">
        <v>839</v>
      </c>
      <c r="B838" s="6">
        <v>56843</v>
      </c>
      <c r="C838" s="6">
        <v>55994</v>
      </c>
      <c r="D838" s="6">
        <f t="shared" si="26"/>
        <v>849</v>
      </c>
      <c r="E838" s="7">
        <f t="shared" si="27"/>
        <v>1.4935876009359111E-2</v>
      </c>
      <c r="H838" s="8"/>
      <c r="S838" s="8"/>
    </row>
    <row r="839" spans="1:19">
      <c r="A839" s="6">
        <v>840</v>
      </c>
      <c r="B839" s="6">
        <v>56828</v>
      </c>
      <c r="C839" s="6">
        <v>56480</v>
      </c>
      <c r="D839" s="6">
        <f t="shared" si="26"/>
        <v>348</v>
      </c>
      <c r="E839" s="7">
        <f t="shared" si="27"/>
        <v>6.123741817413951E-3</v>
      </c>
      <c r="H839" s="8"/>
      <c r="S839" s="8"/>
    </row>
    <row r="840" spans="1:19">
      <c r="A840" s="6">
        <v>841</v>
      </c>
      <c r="B840" s="6">
        <v>56808</v>
      </c>
      <c r="C840" s="6">
        <v>56813</v>
      </c>
      <c r="D840" s="6">
        <f t="shared" si="26"/>
        <v>-5</v>
      </c>
      <c r="E840" s="7">
        <f t="shared" si="27"/>
        <v>-8.801577242641881E-5</v>
      </c>
      <c r="H840" s="8"/>
      <c r="S840" s="8"/>
    </row>
    <row r="841" spans="1:19">
      <c r="A841" s="6">
        <v>842</v>
      </c>
      <c r="B841" s="6">
        <v>56821</v>
      </c>
      <c r="C841" s="6">
        <v>56815</v>
      </c>
      <c r="D841" s="6">
        <f t="shared" si="26"/>
        <v>6</v>
      </c>
      <c r="E841" s="7">
        <f t="shared" si="27"/>
        <v>1.0559476249978001E-4</v>
      </c>
      <c r="H841" s="8"/>
      <c r="S841" s="8"/>
    </row>
    <row r="842" spans="1:19">
      <c r="A842" s="6">
        <v>843</v>
      </c>
      <c r="B842" s="6">
        <v>56864</v>
      </c>
      <c r="C842" s="6">
        <v>56880</v>
      </c>
      <c r="D842" s="6">
        <f t="shared" si="26"/>
        <v>-16</v>
      </c>
      <c r="E842" s="7">
        <f t="shared" si="27"/>
        <v>-2.8137310073157008E-4</v>
      </c>
      <c r="H842" s="8"/>
      <c r="S842" s="8"/>
    </row>
    <row r="843" spans="1:19">
      <c r="A843" s="6">
        <v>844</v>
      </c>
      <c r="B843" s="6">
        <v>56824</v>
      </c>
      <c r="C843" s="6">
        <v>56828</v>
      </c>
      <c r="D843" s="6">
        <f t="shared" si="26"/>
        <v>-4</v>
      </c>
      <c r="E843" s="7">
        <f t="shared" si="27"/>
        <v>-7.0392791778121921E-5</v>
      </c>
      <c r="H843" s="8"/>
      <c r="S843" s="8"/>
    </row>
    <row r="844" spans="1:19">
      <c r="A844" s="6">
        <v>845</v>
      </c>
      <c r="B844" s="6">
        <v>56840</v>
      </c>
      <c r="C844" s="6">
        <v>56865</v>
      </c>
      <c r="D844" s="6">
        <f t="shared" si="26"/>
        <v>-25</v>
      </c>
      <c r="E844" s="7">
        <f t="shared" si="27"/>
        <v>-4.3983110485573538E-4</v>
      </c>
      <c r="H844" s="8"/>
      <c r="S844" s="8"/>
    </row>
    <row r="845" spans="1:19">
      <c r="A845" s="6">
        <v>846</v>
      </c>
      <c r="B845" s="6">
        <v>56843</v>
      </c>
      <c r="C845" s="6">
        <v>56822</v>
      </c>
      <c r="D845" s="6">
        <f t="shared" si="26"/>
        <v>21</v>
      </c>
      <c r="E845" s="7">
        <f t="shared" si="27"/>
        <v>3.6943862920676247E-4</v>
      </c>
      <c r="H845" s="8"/>
      <c r="S845" s="8"/>
    </row>
    <row r="846" spans="1:19">
      <c r="A846" s="6">
        <v>847</v>
      </c>
      <c r="B846" s="6">
        <v>56865</v>
      </c>
      <c r="C846" s="6">
        <v>56821</v>
      </c>
      <c r="D846" s="6">
        <f t="shared" si="26"/>
        <v>44</v>
      </c>
      <c r="E846" s="7">
        <f t="shared" si="27"/>
        <v>7.7376241976611271E-4</v>
      </c>
      <c r="H846" s="8"/>
      <c r="S846" s="8"/>
    </row>
    <row r="847" spans="1:19">
      <c r="A847" s="6">
        <v>848</v>
      </c>
      <c r="B847" s="6">
        <v>56851</v>
      </c>
      <c r="C847" s="6">
        <v>57259</v>
      </c>
      <c r="D847" s="6">
        <f t="shared" si="26"/>
        <v>-408</v>
      </c>
      <c r="E847" s="7">
        <f t="shared" si="27"/>
        <v>-7.1766547642081934E-3</v>
      </c>
      <c r="H847" s="8"/>
      <c r="S847" s="8"/>
    </row>
    <row r="848" spans="1:19">
      <c r="A848" s="6">
        <v>849</v>
      </c>
      <c r="B848" s="6">
        <v>56925</v>
      </c>
      <c r="C848" s="6">
        <v>57728</v>
      </c>
      <c r="D848" s="6">
        <f t="shared" si="26"/>
        <v>-803</v>
      </c>
      <c r="E848" s="7">
        <f t="shared" si="27"/>
        <v>-1.4106280193236715E-2</v>
      </c>
      <c r="H848" s="8"/>
      <c r="S848" s="8"/>
    </row>
    <row r="849" spans="1:19">
      <c r="A849" s="6">
        <v>850</v>
      </c>
      <c r="B849" s="6">
        <v>56944</v>
      </c>
      <c r="C849" s="6">
        <v>57702</v>
      </c>
      <c r="D849" s="6">
        <f t="shared" si="26"/>
        <v>-758</v>
      </c>
      <c r="E849" s="7">
        <f t="shared" si="27"/>
        <v>-1.331132340545097E-2</v>
      </c>
      <c r="H849" s="8"/>
      <c r="S849" s="8"/>
    </row>
    <row r="850" spans="1:19">
      <c r="A850" s="6">
        <v>851</v>
      </c>
      <c r="B850" s="6">
        <v>56825</v>
      </c>
      <c r="C850" s="6">
        <v>57679</v>
      </c>
      <c r="D850" s="6">
        <f t="shared" si="26"/>
        <v>-854</v>
      </c>
      <c r="E850" s="7">
        <f t="shared" si="27"/>
        <v>-1.502859656841179E-2</v>
      </c>
      <c r="H850" s="8"/>
      <c r="S850" s="8"/>
    </row>
    <row r="851" spans="1:19">
      <c r="A851" s="6">
        <v>852</v>
      </c>
      <c r="B851" s="6">
        <v>56881</v>
      </c>
      <c r="C851" s="6">
        <v>57661</v>
      </c>
      <c r="D851" s="6">
        <f t="shared" si="26"/>
        <v>-780</v>
      </c>
      <c r="E851" s="7">
        <f t="shared" si="27"/>
        <v>-1.3712839085107505E-2</v>
      </c>
      <c r="H851" s="8"/>
      <c r="S851" s="8"/>
    </row>
    <row r="852" spans="1:19">
      <c r="A852" s="6">
        <v>853</v>
      </c>
      <c r="B852" s="6">
        <v>56934</v>
      </c>
      <c r="C852" s="6">
        <v>57690</v>
      </c>
      <c r="D852" s="6">
        <f t="shared" si="26"/>
        <v>-756</v>
      </c>
      <c r="E852" s="7">
        <f t="shared" si="27"/>
        <v>-1.3278533038254822E-2</v>
      </c>
      <c r="H852" s="8"/>
      <c r="S852" s="8"/>
    </row>
    <row r="853" spans="1:19">
      <c r="A853" s="6">
        <v>854</v>
      </c>
      <c r="B853" s="6">
        <v>56824</v>
      </c>
      <c r="C853" s="6">
        <v>57678</v>
      </c>
      <c r="D853" s="6">
        <f t="shared" si="26"/>
        <v>-854</v>
      </c>
      <c r="E853" s="7">
        <f t="shared" si="27"/>
        <v>-1.5028861044629031E-2</v>
      </c>
      <c r="H853" s="8"/>
      <c r="S853" s="8"/>
    </row>
    <row r="854" spans="1:19">
      <c r="A854" s="6">
        <v>855</v>
      </c>
      <c r="B854" s="6">
        <v>56835</v>
      </c>
      <c r="C854" s="6">
        <v>57676</v>
      </c>
      <c r="D854" s="6">
        <f t="shared" si="26"/>
        <v>-841</v>
      </c>
      <c r="E854" s="7">
        <f t="shared" si="27"/>
        <v>-1.4797220022873229E-2</v>
      </c>
      <c r="H854" s="8"/>
      <c r="S854" s="8"/>
    </row>
    <row r="855" spans="1:19">
      <c r="A855" s="6">
        <v>856</v>
      </c>
      <c r="B855" s="6">
        <v>56831</v>
      </c>
      <c r="C855" s="6">
        <v>58069</v>
      </c>
      <c r="D855" s="6">
        <f t="shared" si="26"/>
        <v>-1238</v>
      </c>
      <c r="E855" s="7">
        <f t="shared" si="27"/>
        <v>-2.1783885555418697E-2</v>
      </c>
      <c r="H855" s="8"/>
      <c r="S855" s="8"/>
    </row>
    <row r="856" spans="1:19">
      <c r="A856" s="6">
        <v>857</v>
      </c>
      <c r="B856" s="6">
        <v>56838</v>
      </c>
      <c r="C856" s="6">
        <v>58497</v>
      </c>
      <c r="D856" s="6">
        <f t="shared" si="26"/>
        <v>-1659</v>
      </c>
      <c r="E856" s="7">
        <f t="shared" si="27"/>
        <v>-2.9188219149160772E-2</v>
      </c>
      <c r="H856" s="8"/>
      <c r="S856" s="8"/>
    </row>
    <row r="857" spans="1:19">
      <c r="A857" s="6">
        <v>858</v>
      </c>
      <c r="B857" s="6">
        <v>56829</v>
      </c>
      <c r="C857" s="6">
        <v>58504</v>
      </c>
      <c r="D857" s="6">
        <f t="shared" si="26"/>
        <v>-1675</v>
      </c>
      <c r="E857" s="7">
        <f t="shared" si="27"/>
        <v>-2.9474388076510233E-2</v>
      </c>
      <c r="H857" s="8"/>
      <c r="S857" s="8"/>
    </row>
    <row r="858" spans="1:19">
      <c r="A858" s="6">
        <v>859</v>
      </c>
      <c r="B858" s="6">
        <v>56867</v>
      </c>
      <c r="C858" s="6">
        <v>58488</v>
      </c>
      <c r="D858" s="6">
        <f t="shared" si="26"/>
        <v>-1621</v>
      </c>
      <c r="E858" s="7">
        <f t="shared" si="27"/>
        <v>-2.8505108410853394E-2</v>
      </c>
      <c r="H858" s="8"/>
      <c r="S858" s="8"/>
    </row>
    <row r="859" spans="1:19">
      <c r="A859" s="6">
        <v>860</v>
      </c>
      <c r="B859" s="6">
        <v>56804</v>
      </c>
      <c r="C859" s="6">
        <v>58506</v>
      </c>
      <c r="D859" s="6">
        <f t="shared" si="26"/>
        <v>-1702</v>
      </c>
      <c r="E859" s="7">
        <f t="shared" si="27"/>
        <v>-2.9962678684599675E-2</v>
      </c>
      <c r="H859" s="8"/>
      <c r="S859" s="8"/>
    </row>
    <row r="860" spans="1:19">
      <c r="A860" s="6">
        <v>861</v>
      </c>
      <c r="B860" s="6">
        <v>56815</v>
      </c>
      <c r="C860" s="6">
        <v>58513</v>
      </c>
      <c r="D860" s="6">
        <f t="shared" si="26"/>
        <v>-1698</v>
      </c>
      <c r="E860" s="7">
        <f t="shared" si="27"/>
        <v>-2.9886473642523982E-2</v>
      </c>
      <c r="H860" s="8"/>
      <c r="S860" s="8"/>
    </row>
    <row r="861" spans="1:19">
      <c r="A861" s="6">
        <v>862</v>
      </c>
      <c r="B861" s="6">
        <v>56882</v>
      </c>
      <c r="C861" s="6">
        <v>58501</v>
      </c>
      <c r="D861" s="6">
        <f t="shared" si="26"/>
        <v>-1619</v>
      </c>
      <c r="E861" s="7">
        <f t="shared" si="27"/>
        <v>-2.8462430997503604E-2</v>
      </c>
      <c r="H861" s="8"/>
      <c r="S861" s="8"/>
    </row>
    <row r="862" spans="1:19">
      <c r="A862" s="6">
        <v>863</v>
      </c>
      <c r="B862" s="6">
        <v>57300</v>
      </c>
      <c r="C862" s="6">
        <v>58486</v>
      </c>
      <c r="D862" s="6">
        <f t="shared" si="26"/>
        <v>-1186</v>
      </c>
      <c r="E862" s="7">
        <f t="shared" si="27"/>
        <v>-2.069808027923211E-2</v>
      </c>
      <c r="H862" s="8"/>
      <c r="S862" s="8"/>
    </row>
    <row r="863" spans="1:19">
      <c r="A863" s="6">
        <v>864</v>
      </c>
      <c r="B863" s="6">
        <v>57294</v>
      </c>
      <c r="C863" s="6">
        <v>58974</v>
      </c>
      <c r="D863" s="6">
        <f t="shared" si="26"/>
        <v>-1680</v>
      </c>
      <c r="E863" s="7">
        <f t="shared" si="27"/>
        <v>-2.9322442140538276E-2</v>
      </c>
      <c r="H863" s="8"/>
      <c r="S863" s="8"/>
    </row>
    <row r="864" spans="1:19">
      <c r="A864" s="6">
        <v>865</v>
      </c>
      <c r="B864" s="6">
        <v>57644</v>
      </c>
      <c r="C864" s="6">
        <v>59329</v>
      </c>
      <c r="D864" s="6">
        <f t="shared" si="26"/>
        <v>-1685</v>
      </c>
      <c r="E864" s="7">
        <f t="shared" si="27"/>
        <v>-2.9231142876968982E-2</v>
      </c>
      <c r="H864" s="8"/>
      <c r="S864" s="8"/>
    </row>
    <row r="865" spans="1:19">
      <c r="A865" s="6">
        <v>866</v>
      </c>
      <c r="B865" s="6">
        <v>57663</v>
      </c>
      <c r="C865" s="6">
        <v>59331</v>
      </c>
      <c r="D865" s="6">
        <f t="shared" si="26"/>
        <v>-1668</v>
      </c>
      <c r="E865" s="7">
        <f t="shared" si="27"/>
        <v>-2.8926694760938558E-2</v>
      </c>
      <c r="H865" s="8"/>
      <c r="S865" s="8"/>
    </row>
    <row r="866" spans="1:19">
      <c r="A866" s="6">
        <v>867</v>
      </c>
      <c r="B866" s="6">
        <v>57912</v>
      </c>
      <c r="C866" s="6">
        <v>59428</v>
      </c>
      <c r="D866" s="6">
        <f t="shared" si="26"/>
        <v>-1516</v>
      </c>
      <c r="E866" s="7">
        <f t="shared" si="27"/>
        <v>-2.6177648846525764E-2</v>
      </c>
      <c r="H866" s="8"/>
      <c r="S866" s="8"/>
    </row>
    <row r="867" spans="1:19">
      <c r="A867" s="6">
        <v>868</v>
      </c>
      <c r="B867" s="6">
        <v>57655</v>
      </c>
      <c r="C867" s="6">
        <v>59325</v>
      </c>
      <c r="D867" s="6">
        <f t="shared" si="26"/>
        <v>-1670</v>
      </c>
      <c r="E867" s="7">
        <f t="shared" si="27"/>
        <v>-2.8965397623796723E-2</v>
      </c>
      <c r="H867" s="8"/>
      <c r="S867" s="8"/>
    </row>
    <row r="868" spans="1:19">
      <c r="A868" s="6">
        <v>869</v>
      </c>
      <c r="B868" s="6">
        <v>57674</v>
      </c>
      <c r="C868" s="6">
        <v>59348</v>
      </c>
      <c r="D868" s="6">
        <f t="shared" si="26"/>
        <v>-1674</v>
      </c>
      <c r="E868" s="7">
        <f t="shared" si="27"/>
        <v>-2.9025210666851615E-2</v>
      </c>
      <c r="H868" s="8"/>
      <c r="S868" s="8"/>
    </row>
    <row r="869" spans="1:19">
      <c r="A869" s="6">
        <v>870</v>
      </c>
      <c r="B869" s="6">
        <v>57654</v>
      </c>
      <c r="C869" s="6">
        <v>59328</v>
      </c>
      <c r="D869" s="6">
        <f t="shared" si="26"/>
        <v>-1674</v>
      </c>
      <c r="E869" s="7">
        <f t="shared" si="27"/>
        <v>-2.9035279425538556E-2</v>
      </c>
      <c r="H869" s="8"/>
      <c r="S869" s="8"/>
    </row>
    <row r="870" spans="1:19">
      <c r="A870" s="6">
        <v>871</v>
      </c>
      <c r="B870" s="6">
        <v>57675</v>
      </c>
      <c r="C870" s="6">
        <v>59355</v>
      </c>
      <c r="D870" s="6">
        <f t="shared" si="26"/>
        <v>-1680</v>
      </c>
      <c r="E870" s="7">
        <f t="shared" si="27"/>
        <v>-2.9128738621586475E-2</v>
      </c>
      <c r="H870" s="8"/>
      <c r="S870" s="8"/>
    </row>
    <row r="871" spans="1:19">
      <c r="A871" s="6">
        <v>872</v>
      </c>
      <c r="B871" s="6">
        <v>57646</v>
      </c>
      <c r="C871" s="6">
        <v>59751</v>
      </c>
      <c r="D871" s="6">
        <f t="shared" si="26"/>
        <v>-2105</v>
      </c>
      <c r="E871" s="7">
        <f t="shared" si="27"/>
        <v>-3.6515976824064114E-2</v>
      </c>
      <c r="H871" s="8"/>
      <c r="S871" s="8"/>
    </row>
    <row r="872" spans="1:19">
      <c r="A872" s="6">
        <v>873</v>
      </c>
      <c r="B872" s="6">
        <v>57707</v>
      </c>
      <c r="C872" s="6">
        <v>60156</v>
      </c>
      <c r="D872" s="6">
        <f t="shared" si="26"/>
        <v>-2449</v>
      </c>
      <c r="E872" s="7">
        <f t="shared" si="27"/>
        <v>-4.2438525655466408E-2</v>
      </c>
      <c r="H872" s="8"/>
      <c r="S872" s="8"/>
    </row>
    <row r="873" spans="1:19">
      <c r="A873" s="6">
        <v>874</v>
      </c>
      <c r="B873" s="6">
        <v>57679</v>
      </c>
      <c r="C873" s="6">
        <v>60146</v>
      </c>
      <c r="D873" s="6">
        <f t="shared" si="26"/>
        <v>-2467</v>
      </c>
      <c r="E873" s="7">
        <f t="shared" si="27"/>
        <v>-4.2771199223287502E-2</v>
      </c>
      <c r="H873" s="8"/>
      <c r="S873" s="8"/>
    </row>
    <row r="874" spans="1:19">
      <c r="A874" s="6">
        <v>875</v>
      </c>
      <c r="B874" s="6">
        <v>57660</v>
      </c>
      <c r="C874" s="6">
        <v>60212</v>
      </c>
      <c r="D874" s="6">
        <f t="shared" si="26"/>
        <v>-2552</v>
      </c>
      <c r="E874" s="7">
        <f t="shared" si="27"/>
        <v>-4.4259451959764134E-2</v>
      </c>
      <c r="H874" s="8"/>
      <c r="S874" s="8"/>
    </row>
    <row r="875" spans="1:19">
      <c r="A875" s="6">
        <v>876</v>
      </c>
      <c r="B875" s="6">
        <v>57676</v>
      </c>
      <c r="C875" s="6">
        <v>60180</v>
      </c>
      <c r="D875" s="6">
        <f t="shared" si="26"/>
        <v>-2504</v>
      </c>
      <c r="E875" s="7">
        <f t="shared" si="27"/>
        <v>-4.3414938622650667E-2</v>
      </c>
      <c r="H875" s="8"/>
      <c r="S875" s="8"/>
    </row>
    <row r="876" spans="1:19">
      <c r="A876" s="6">
        <v>877</v>
      </c>
      <c r="B876" s="6">
        <v>57666</v>
      </c>
      <c r="C876" s="6">
        <v>60157</v>
      </c>
      <c r="D876" s="6">
        <f t="shared" si="26"/>
        <v>-2491</v>
      </c>
      <c r="E876" s="7">
        <f t="shared" si="27"/>
        <v>-4.3197031179551211E-2</v>
      </c>
      <c r="H876" s="8"/>
      <c r="S876" s="8"/>
    </row>
    <row r="877" spans="1:19">
      <c r="A877" s="6">
        <v>878</v>
      </c>
      <c r="B877" s="6">
        <v>57656</v>
      </c>
      <c r="C877" s="6">
        <v>60164</v>
      </c>
      <c r="D877" s="6">
        <f t="shared" si="26"/>
        <v>-2508</v>
      </c>
      <c r="E877" s="7">
        <f t="shared" si="27"/>
        <v>-4.3499375607048703E-2</v>
      </c>
      <c r="H877" s="8"/>
      <c r="S877" s="8"/>
    </row>
    <row r="878" spans="1:19">
      <c r="A878" s="6">
        <v>879</v>
      </c>
      <c r="B878" s="6">
        <v>57688</v>
      </c>
      <c r="C878" s="6">
        <v>60164</v>
      </c>
      <c r="D878" s="6">
        <f t="shared" si="26"/>
        <v>-2476</v>
      </c>
      <c r="E878" s="7">
        <f t="shared" si="27"/>
        <v>-4.2920538066842324E-2</v>
      </c>
      <c r="H878" s="8"/>
      <c r="S878" s="8"/>
    </row>
    <row r="879" spans="1:19">
      <c r="A879" s="6">
        <v>880</v>
      </c>
      <c r="B879" s="6">
        <v>58138</v>
      </c>
      <c r="C879" s="6">
        <v>60650</v>
      </c>
      <c r="D879" s="6">
        <f t="shared" si="26"/>
        <v>-2512</v>
      </c>
      <c r="E879" s="7">
        <f t="shared" si="27"/>
        <v>-4.3207540679073925E-2</v>
      </c>
      <c r="H879" s="8"/>
      <c r="S879" s="8"/>
    </row>
    <row r="880" spans="1:19">
      <c r="A880" s="6">
        <v>881</v>
      </c>
      <c r="B880" s="6">
        <v>58074</v>
      </c>
      <c r="C880" s="6">
        <v>61032</v>
      </c>
      <c r="D880" s="6">
        <f t="shared" si="26"/>
        <v>-2958</v>
      </c>
      <c r="E880" s="7">
        <f t="shared" si="27"/>
        <v>-5.0935013947721874E-2</v>
      </c>
      <c r="H880" s="8"/>
      <c r="S880" s="8"/>
    </row>
    <row r="881" spans="1:19">
      <c r="A881" s="6">
        <v>882</v>
      </c>
      <c r="B881" s="6">
        <v>58122</v>
      </c>
      <c r="C881" s="6">
        <v>61002</v>
      </c>
      <c r="D881" s="6">
        <f t="shared" si="26"/>
        <v>-2880</v>
      </c>
      <c r="E881" s="7">
        <f t="shared" si="27"/>
        <v>-4.9550944564880767E-2</v>
      </c>
      <c r="H881" s="8"/>
      <c r="S881" s="8"/>
    </row>
    <row r="882" spans="1:19">
      <c r="A882" s="6">
        <v>883</v>
      </c>
      <c r="B882" s="6">
        <v>58096</v>
      </c>
      <c r="C882" s="6">
        <v>61002</v>
      </c>
      <c r="D882" s="6">
        <f t="shared" si="26"/>
        <v>-2906</v>
      </c>
      <c r="E882" s="7">
        <f t="shared" si="27"/>
        <v>-5.002065546681355E-2</v>
      </c>
      <c r="H882" s="8"/>
      <c r="S882" s="8"/>
    </row>
    <row r="883" spans="1:19">
      <c r="A883" s="6">
        <v>884</v>
      </c>
      <c r="B883" s="6">
        <v>58053</v>
      </c>
      <c r="C883" s="6">
        <v>61030</v>
      </c>
      <c r="D883" s="6">
        <f t="shared" si="26"/>
        <v>-2977</v>
      </c>
      <c r="E883" s="7">
        <f t="shared" si="27"/>
        <v>-5.1280726232925088E-2</v>
      </c>
      <c r="H883" s="8"/>
      <c r="S883" s="8"/>
    </row>
    <row r="884" spans="1:19">
      <c r="A884" s="6">
        <v>885</v>
      </c>
      <c r="B884" s="6">
        <v>58070</v>
      </c>
      <c r="C884" s="6">
        <v>61040</v>
      </c>
      <c r="D884" s="6">
        <f t="shared" si="26"/>
        <v>-2970</v>
      </c>
      <c r="E884" s="7">
        <f t="shared" si="27"/>
        <v>-5.1145169622868948E-2</v>
      </c>
      <c r="H884" s="8"/>
      <c r="S884" s="8"/>
    </row>
    <row r="885" spans="1:19">
      <c r="A885" s="6">
        <v>886</v>
      </c>
      <c r="B885" s="6">
        <v>58123</v>
      </c>
      <c r="C885" s="6">
        <v>60998</v>
      </c>
      <c r="D885" s="6">
        <f t="shared" si="26"/>
        <v>-2875</v>
      </c>
      <c r="E885" s="7">
        <f t="shared" si="27"/>
        <v>-4.9464067580819983E-2</v>
      </c>
      <c r="H885" s="8"/>
      <c r="S885" s="8"/>
    </row>
    <row r="886" spans="1:19">
      <c r="A886" s="6">
        <v>887</v>
      </c>
      <c r="B886" s="6">
        <v>58121</v>
      </c>
      <c r="C886" s="6">
        <v>61050</v>
      </c>
      <c r="D886" s="6">
        <f t="shared" si="26"/>
        <v>-2929</v>
      </c>
      <c r="E886" s="7">
        <f t="shared" si="27"/>
        <v>-5.0394865883243579E-2</v>
      </c>
      <c r="H886" s="8"/>
      <c r="S886" s="8"/>
    </row>
    <row r="887" spans="1:19">
      <c r="A887" s="6">
        <v>888</v>
      </c>
      <c r="B887" s="6">
        <v>58092</v>
      </c>
      <c r="C887" s="6">
        <v>61488</v>
      </c>
      <c r="D887" s="6">
        <f t="shared" si="26"/>
        <v>-3396</v>
      </c>
      <c r="E887" s="7">
        <f t="shared" si="27"/>
        <v>-5.8458996075191075E-2</v>
      </c>
      <c r="H887" s="8"/>
      <c r="S887" s="8"/>
    </row>
    <row r="888" spans="1:19">
      <c r="A888" s="6">
        <v>889</v>
      </c>
      <c r="B888" s="6">
        <v>58098</v>
      </c>
      <c r="C888" s="6">
        <v>61818</v>
      </c>
      <c r="D888" s="6">
        <f t="shared" si="26"/>
        <v>-3720</v>
      </c>
      <c r="E888" s="7">
        <f t="shared" si="27"/>
        <v>-6.4029742848290813E-2</v>
      </c>
      <c r="H888" s="8"/>
      <c r="S888" s="8"/>
    </row>
    <row r="889" spans="1:19">
      <c r="A889" s="6">
        <v>890</v>
      </c>
      <c r="B889" s="6">
        <v>58106</v>
      </c>
      <c r="C889" s="6">
        <v>61834</v>
      </c>
      <c r="D889" s="6">
        <f t="shared" si="26"/>
        <v>-3728</v>
      </c>
      <c r="E889" s="7">
        <f t="shared" si="27"/>
        <v>-6.4158606684335526E-2</v>
      </c>
      <c r="H889" s="8"/>
      <c r="S889" s="8"/>
    </row>
    <row r="890" spans="1:19">
      <c r="A890" s="6">
        <v>891</v>
      </c>
      <c r="B890" s="6">
        <v>58087</v>
      </c>
      <c r="C890" s="6">
        <v>61830</v>
      </c>
      <c r="D890" s="6">
        <f t="shared" si="26"/>
        <v>-3743</v>
      </c>
      <c r="E890" s="7">
        <f t="shared" si="27"/>
        <v>-6.4437826019591304E-2</v>
      </c>
      <c r="H890" s="8"/>
      <c r="S890" s="8"/>
    </row>
    <row r="891" spans="1:19">
      <c r="A891" s="6">
        <v>892</v>
      </c>
      <c r="B891" s="6">
        <v>58074</v>
      </c>
      <c r="C891" s="6">
        <v>61818</v>
      </c>
      <c r="D891" s="6">
        <f t="shared" si="26"/>
        <v>-3744</v>
      </c>
      <c r="E891" s="7">
        <f t="shared" si="27"/>
        <v>-6.4469469986568856E-2</v>
      </c>
      <c r="H891" s="8"/>
      <c r="S891" s="8"/>
    </row>
    <row r="892" spans="1:19">
      <c r="A892" s="6">
        <v>893</v>
      </c>
      <c r="B892" s="6">
        <v>58060</v>
      </c>
      <c r="C892" s="6">
        <v>62031</v>
      </c>
      <c r="D892" s="6">
        <f t="shared" si="26"/>
        <v>-3971</v>
      </c>
      <c r="E892" s="7">
        <f t="shared" si="27"/>
        <v>-6.839476403720289E-2</v>
      </c>
      <c r="H892" s="8"/>
      <c r="S892" s="8"/>
    </row>
    <row r="893" spans="1:19">
      <c r="A893" s="6">
        <v>894</v>
      </c>
      <c r="B893" s="6">
        <v>58079</v>
      </c>
      <c r="C893" s="6">
        <v>62365</v>
      </c>
      <c r="D893" s="6">
        <f t="shared" si="26"/>
        <v>-4286</v>
      </c>
      <c r="E893" s="7">
        <f t="shared" si="27"/>
        <v>-7.3796036433134177E-2</v>
      </c>
      <c r="H893" s="8"/>
      <c r="S893" s="8"/>
    </row>
    <row r="894" spans="1:19">
      <c r="A894" s="6">
        <v>895</v>
      </c>
      <c r="B894" s="6">
        <v>58067</v>
      </c>
      <c r="C894" s="6">
        <v>61895</v>
      </c>
      <c r="D894" s="6">
        <f t="shared" si="26"/>
        <v>-3828</v>
      </c>
      <c r="E894" s="7">
        <f t="shared" si="27"/>
        <v>-6.5923846591006946E-2</v>
      </c>
      <c r="H894" s="8"/>
      <c r="S894" s="8"/>
    </row>
    <row r="895" spans="1:19">
      <c r="A895" s="6">
        <v>896</v>
      </c>
      <c r="B895" s="6">
        <v>57299</v>
      </c>
      <c r="C895" s="6">
        <v>57241</v>
      </c>
      <c r="D895" s="6">
        <f t="shared" si="26"/>
        <v>58</v>
      </c>
      <c r="E895" s="7">
        <f t="shared" si="27"/>
        <v>1.0122340704026248E-3</v>
      </c>
      <c r="H895" s="8"/>
      <c r="S895" s="8"/>
    </row>
    <row r="896" spans="1:19">
      <c r="A896" s="6">
        <v>897</v>
      </c>
      <c r="B896" s="6">
        <v>60160</v>
      </c>
      <c r="C896" s="6">
        <v>59372</v>
      </c>
      <c r="D896" s="6">
        <f t="shared" si="26"/>
        <v>788</v>
      </c>
      <c r="E896" s="7">
        <f t="shared" si="27"/>
        <v>1.3098404255319149E-2</v>
      </c>
      <c r="H896" s="8"/>
      <c r="S896" s="8"/>
    </row>
    <row r="897" spans="1:19">
      <c r="A897" s="6">
        <v>898</v>
      </c>
      <c r="B897" s="6">
        <v>60172</v>
      </c>
      <c r="C897" s="6">
        <v>59392</v>
      </c>
      <c r="D897" s="6">
        <f t="shared" si="26"/>
        <v>780</v>
      </c>
      <c r="E897" s="7">
        <f t="shared" si="27"/>
        <v>1.2962839859070664E-2</v>
      </c>
      <c r="H897" s="8"/>
      <c r="S897" s="8"/>
    </row>
    <row r="898" spans="1:19">
      <c r="A898" s="6">
        <v>899</v>
      </c>
      <c r="B898" s="6">
        <v>60150</v>
      </c>
      <c r="C898" s="6">
        <v>59321</v>
      </c>
      <c r="D898" s="6">
        <f t="shared" si="26"/>
        <v>829</v>
      </c>
      <c r="E898" s="7">
        <f t="shared" si="27"/>
        <v>1.3782211138819618E-2</v>
      </c>
      <c r="H898" s="8"/>
      <c r="S898" s="8"/>
    </row>
    <row r="899" spans="1:19">
      <c r="A899" s="6">
        <v>900</v>
      </c>
      <c r="B899" s="6">
        <v>60153</v>
      </c>
      <c r="C899" s="6">
        <v>59349</v>
      </c>
      <c r="D899" s="6">
        <f t="shared" si="26"/>
        <v>804</v>
      </c>
      <c r="E899" s="7">
        <f t="shared" si="27"/>
        <v>1.336591691187472E-2</v>
      </c>
      <c r="H899" s="8"/>
      <c r="S899" s="8"/>
    </row>
    <row r="900" spans="1:19">
      <c r="A900" s="6">
        <v>901</v>
      </c>
      <c r="B900" s="6">
        <v>60148</v>
      </c>
      <c r="C900" s="6">
        <v>59337</v>
      </c>
      <c r="D900" s="6">
        <f t="shared" ref="D900:D963" si="28">B900-C900</f>
        <v>811</v>
      </c>
      <c r="E900" s="7">
        <f t="shared" ref="E900:E963" si="29">D900/B900</f>
        <v>1.3483407594599987E-2</v>
      </c>
      <c r="H900" s="8"/>
      <c r="S900" s="8"/>
    </row>
    <row r="901" spans="1:19">
      <c r="A901" s="6">
        <v>902</v>
      </c>
      <c r="B901" s="6">
        <v>60160</v>
      </c>
      <c r="C901" s="6">
        <v>59336</v>
      </c>
      <c r="D901" s="6">
        <f t="shared" si="28"/>
        <v>824</v>
      </c>
      <c r="E901" s="7">
        <f t="shared" si="29"/>
        <v>1.3696808510638299E-2</v>
      </c>
      <c r="H901" s="8"/>
      <c r="S901" s="8"/>
    </row>
    <row r="902" spans="1:19">
      <c r="A902" s="6">
        <v>903</v>
      </c>
      <c r="B902" s="6">
        <v>60160</v>
      </c>
      <c r="C902" s="6">
        <v>59389</v>
      </c>
      <c r="D902" s="6">
        <f t="shared" si="28"/>
        <v>771</v>
      </c>
      <c r="E902" s="7">
        <f t="shared" si="29"/>
        <v>1.2815824468085107E-2</v>
      </c>
      <c r="H902" s="8"/>
      <c r="S902" s="8"/>
    </row>
    <row r="903" spans="1:19">
      <c r="A903" s="6">
        <v>904</v>
      </c>
      <c r="B903" s="6">
        <v>60443</v>
      </c>
      <c r="C903" s="6">
        <v>59765</v>
      </c>
      <c r="D903" s="6">
        <f t="shared" si="28"/>
        <v>678</v>
      </c>
      <c r="E903" s="7">
        <f t="shared" si="29"/>
        <v>1.1217179822311931E-2</v>
      </c>
      <c r="H903" s="8"/>
      <c r="S903" s="8"/>
    </row>
    <row r="904" spans="1:19">
      <c r="A904" s="6">
        <v>905</v>
      </c>
      <c r="B904" s="6">
        <v>60889</v>
      </c>
      <c r="C904" s="6">
        <v>60167</v>
      </c>
      <c r="D904" s="6">
        <f t="shared" si="28"/>
        <v>722</v>
      </c>
      <c r="E904" s="7">
        <f t="shared" si="29"/>
        <v>1.1857642595542709E-2</v>
      </c>
      <c r="H904" s="8"/>
      <c r="S904" s="8"/>
    </row>
    <row r="905" spans="1:19">
      <c r="A905" s="6">
        <v>906</v>
      </c>
      <c r="B905" s="6">
        <v>60159</v>
      </c>
      <c r="C905" s="6">
        <v>60217</v>
      </c>
      <c r="D905" s="6">
        <f t="shared" si="28"/>
        <v>-58</v>
      </c>
      <c r="E905" s="7">
        <f t="shared" si="29"/>
        <v>-9.6411177047490818E-4</v>
      </c>
      <c r="H905" s="8"/>
      <c r="S905" s="8"/>
    </row>
    <row r="906" spans="1:19">
      <c r="A906" s="6">
        <v>907</v>
      </c>
      <c r="B906" s="6">
        <v>60179</v>
      </c>
      <c r="C906" s="6">
        <v>60214</v>
      </c>
      <c r="D906" s="6">
        <f t="shared" si="28"/>
        <v>-35</v>
      </c>
      <c r="E906" s="7">
        <f t="shared" si="29"/>
        <v>-5.8159823194137486E-4</v>
      </c>
      <c r="H906" s="8"/>
      <c r="S906" s="8"/>
    </row>
    <row r="907" spans="1:19">
      <c r="A907" s="6">
        <v>908</v>
      </c>
      <c r="B907" s="6">
        <v>60148</v>
      </c>
      <c r="C907" s="6">
        <v>60175</v>
      </c>
      <c r="D907" s="6">
        <f t="shared" si="28"/>
        <v>-27</v>
      </c>
      <c r="E907" s="7">
        <f t="shared" si="29"/>
        <v>-4.4889273126288488E-4</v>
      </c>
      <c r="H907" s="8"/>
      <c r="S907" s="8"/>
    </row>
    <row r="908" spans="1:19">
      <c r="A908" s="6">
        <v>909</v>
      </c>
      <c r="B908" s="6">
        <v>60215</v>
      </c>
      <c r="C908" s="6">
        <v>60229</v>
      </c>
      <c r="D908" s="6">
        <f t="shared" si="28"/>
        <v>-14</v>
      </c>
      <c r="E908" s="7">
        <f t="shared" si="29"/>
        <v>-2.3250020758947107E-4</v>
      </c>
      <c r="H908" s="8"/>
      <c r="S908" s="8"/>
    </row>
    <row r="909" spans="1:19">
      <c r="A909" s="6">
        <v>910</v>
      </c>
      <c r="B909" s="6">
        <v>60155</v>
      </c>
      <c r="C909" s="6">
        <v>60166</v>
      </c>
      <c r="D909" s="6">
        <f t="shared" si="28"/>
        <v>-11</v>
      </c>
      <c r="E909" s="7">
        <f t="shared" si="29"/>
        <v>-1.8286094256504031E-4</v>
      </c>
      <c r="H909" s="8"/>
      <c r="S909" s="8"/>
    </row>
    <row r="910" spans="1:19">
      <c r="A910" s="6">
        <v>911</v>
      </c>
      <c r="B910" s="6">
        <v>60200</v>
      </c>
      <c r="C910" s="6">
        <v>60163</v>
      </c>
      <c r="D910" s="6">
        <f t="shared" si="28"/>
        <v>37</v>
      </c>
      <c r="E910" s="7">
        <f t="shared" si="29"/>
        <v>6.1461794019933551E-4</v>
      </c>
      <c r="H910" s="8"/>
      <c r="S910" s="8"/>
    </row>
    <row r="911" spans="1:19">
      <c r="A911" s="6">
        <v>912</v>
      </c>
      <c r="B911" s="6">
        <v>60146</v>
      </c>
      <c r="C911" s="6">
        <v>60601</v>
      </c>
      <c r="D911" s="6">
        <f t="shared" si="28"/>
        <v>-455</v>
      </c>
      <c r="E911" s="7">
        <f t="shared" si="29"/>
        <v>-7.5649253483190898E-3</v>
      </c>
      <c r="H911" s="8"/>
      <c r="S911" s="8"/>
    </row>
    <row r="912" spans="1:19">
      <c r="A912" s="6">
        <v>913</v>
      </c>
      <c r="B912" s="6">
        <v>60143</v>
      </c>
      <c r="C912" s="6">
        <v>61009</v>
      </c>
      <c r="D912" s="6">
        <f t="shared" si="28"/>
        <v>-866</v>
      </c>
      <c r="E912" s="7">
        <f t="shared" si="29"/>
        <v>-1.4399015679297673E-2</v>
      </c>
      <c r="H912" s="8"/>
      <c r="S912" s="8"/>
    </row>
    <row r="913" spans="1:19">
      <c r="A913" s="6">
        <v>914</v>
      </c>
      <c r="B913" s="6">
        <v>60153</v>
      </c>
      <c r="C913" s="6">
        <v>60993</v>
      </c>
      <c r="D913" s="6">
        <f t="shared" si="28"/>
        <v>-840</v>
      </c>
      <c r="E913" s="7">
        <f t="shared" si="29"/>
        <v>-1.39643908034512E-2</v>
      </c>
      <c r="H913" s="8"/>
      <c r="S913" s="8"/>
    </row>
    <row r="914" spans="1:19">
      <c r="A914" s="6">
        <v>915</v>
      </c>
      <c r="B914" s="6">
        <v>60157</v>
      </c>
      <c r="C914" s="6">
        <v>61080</v>
      </c>
      <c r="D914" s="6">
        <f t="shared" si="28"/>
        <v>-923</v>
      </c>
      <c r="E914" s="7">
        <f t="shared" si="29"/>
        <v>-1.5343185331715345E-2</v>
      </c>
      <c r="H914" s="8"/>
      <c r="S914" s="8"/>
    </row>
    <row r="915" spans="1:19">
      <c r="A915" s="6">
        <v>916</v>
      </c>
      <c r="B915" s="6">
        <v>60159</v>
      </c>
      <c r="C915" s="6">
        <v>60992</v>
      </c>
      <c r="D915" s="6">
        <f t="shared" si="28"/>
        <v>-833</v>
      </c>
      <c r="E915" s="7">
        <f t="shared" si="29"/>
        <v>-1.384663973802756E-2</v>
      </c>
      <c r="H915" s="8"/>
      <c r="S915" s="8"/>
    </row>
    <row r="916" spans="1:19">
      <c r="A916" s="6">
        <v>917</v>
      </c>
      <c r="B916" s="6">
        <v>60767</v>
      </c>
      <c r="C916" s="6">
        <v>61017</v>
      </c>
      <c r="D916" s="6">
        <f t="shared" si="28"/>
        <v>-250</v>
      </c>
      <c r="E916" s="7">
        <f t="shared" si="29"/>
        <v>-4.1140750736419441E-3</v>
      </c>
      <c r="H916" s="8"/>
      <c r="S916" s="8"/>
    </row>
    <row r="917" spans="1:19">
      <c r="A917" s="6">
        <v>918</v>
      </c>
      <c r="B917" s="6">
        <v>60238</v>
      </c>
      <c r="C917" s="6">
        <v>61036</v>
      </c>
      <c r="D917" s="6">
        <f t="shared" si="28"/>
        <v>-798</v>
      </c>
      <c r="E917" s="7">
        <f t="shared" si="29"/>
        <v>-1.3247451774627312E-2</v>
      </c>
      <c r="H917" s="8"/>
      <c r="S917" s="8"/>
    </row>
    <row r="918" spans="1:19">
      <c r="A918" s="6">
        <v>919</v>
      </c>
      <c r="B918" s="6">
        <v>60159</v>
      </c>
      <c r="C918" s="6">
        <v>61603</v>
      </c>
      <c r="D918" s="6">
        <f t="shared" si="28"/>
        <v>-1444</v>
      </c>
      <c r="E918" s="7">
        <f t="shared" si="29"/>
        <v>-2.400305856147875E-2</v>
      </c>
      <c r="H918" s="8"/>
      <c r="S918" s="8"/>
    </row>
    <row r="919" spans="1:19">
      <c r="A919" s="6">
        <v>920</v>
      </c>
      <c r="B919" s="6">
        <v>60163</v>
      </c>
      <c r="C919" s="6">
        <v>61496</v>
      </c>
      <c r="D919" s="6">
        <f t="shared" si="28"/>
        <v>-1333</v>
      </c>
      <c r="E919" s="7">
        <f t="shared" si="29"/>
        <v>-2.2156474909828298E-2</v>
      </c>
      <c r="H919" s="8"/>
      <c r="S919" s="8"/>
    </row>
    <row r="920" spans="1:19">
      <c r="A920" s="6">
        <v>921</v>
      </c>
      <c r="B920" s="6">
        <v>60160</v>
      </c>
      <c r="C920" s="6">
        <v>61873</v>
      </c>
      <c r="D920" s="6">
        <f t="shared" si="28"/>
        <v>-1713</v>
      </c>
      <c r="E920" s="7">
        <f t="shared" si="29"/>
        <v>-2.847406914893617E-2</v>
      </c>
      <c r="H920" s="8"/>
      <c r="S920" s="8"/>
    </row>
    <row r="921" spans="1:19">
      <c r="A921" s="6">
        <v>922</v>
      </c>
      <c r="B921" s="6">
        <v>60157</v>
      </c>
      <c r="C921" s="6">
        <v>61823</v>
      </c>
      <c r="D921" s="6">
        <f t="shared" si="28"/>
        <v>-1666</v>
      </c>
      <c r="E921" s="7">
        <f t="shared" si="29"/>
        <v>-2.7694200176205594E-2</v>
      </c>
      <c r="H921" s="8"/>
      <c r="S921" s="8"/>
    </row>
    <row r="922" spans="1:19">
      <c r="A922" s="6">
        <v>923</v>
      </c>
      <c r="B922" s="6">
        <v>60189</v>
      </c>
      <c r="C922" s="6">
        <v>61871</v>
      </c>
      <c r="D922" s="6">
        <f t="shared" si="28"/>
        <v>-1682</v>
      </c>
      <c r="E922" s="7">
        <f t="shared" si="29"/>
        <v>-2.7945305620628354E-2</v>
      </c>
      <c r="H922" s="8"/>
      <c r="S922" s="8"/>
    </row>
    <row r="923" spans="1:19">
      <c r="A923" s="6">
        <v>924</v>
      </c>
      <c r="B923" s="6">
        <v>60912</v>
      </c>
      <c r="C923" s="6">
        <v>61882</v>
      </c>
      <c r="D923" s="6">
        <f t="shared" si="28"/>
        <v>-970</v>
      </c>
      <c r="E923" s="7">
        <f t="shared" si="29"/>
        <v>-1.5924612555818229E-2</v>
      </c>
      <c r="H923" s="8"/>
      <c r="S923" s="8"/>
    </row>
    <row r="924" spans="1:19">
      <c r="A924" s="6">
        <v>925</v>
      </c>
      <c r="B924" s="6">
        <v>60158</v>
      </c>
      <c r="C924" s="6">
        <v>61825</v>
      </c>
      <c r="D924" s="6">
        <f t="shared" si="28"/>
        <v>-1667</v>
      </c>
      <c r="E924" s="7">
        <f t="shared" si="29"/>
        <v>-2.7710362711526312E-2</v>
      </c>
      <c r="H924" s="8"/>
      <c r="S924" s="8"/>
    </row>
    <row r="925" spans="1:19">
      <c r="A925" s="6">
        <v>926</v>
      </c>
      <c r="B925" s="6">
        <v>60236</v>
      </c>
      <c r="C925" s="6">
        <v>61893</v>
      </c>
      <c r="D925" s="6">
        <f t="shared" si="28"/>
        <v>-1657</v>
      </c>
      <c r="E925" s="7">
        <f t="shared" si="29"/>
        <v>-2.7508466697655887E-2</v>
      </c>
      <c r="H925" s="8"/>
      <c r="S925" s="8"/>
    </row>
    <row r="926" spans="1:19">
      <c r="A926" s="6">
        <v>927</v>
      </c>
      <c r="B926" s="6">
        <v>60644</v>
      </c>
      <c r="C926" s="6">
        <v>61812</v>
      </c>
      <c r="D926" s="6">
        <f t="shared" si="28"/>
        <v>-1168</v>
      </c>
      <c r="E926" s="7">
        <f t="shared" si="29"/>
        <v>-1.925994327550953E-2</v>
      </c>
      <c r="H926" s="8"/>
      <c r="S926" s="8"/>
    </row>
    <row r="927" spans="1:19">
      <c r="A927" s="6">
        <v>928</v>
      </c>
      <c r="B927" s="6">
        <v>60589</v>
      </c>
      <c r="C927" s="6">
        <v>62245</v>
      </c>
      <c r="D927" s="6">
        <f t="shared" si="28"/>
        <v>-1656</v>
      </c>
      <c r="E927" s="7">
        <f t="shared" si="29"/>
        <v>-2.7331693871824918E-2</v>
      </c>
      <c r="H927" s="8"/>
      <c r="S927" s="8"/>
    </row>
    <row r="928" spans="1:19">
      <c r="A928" s="6">
        <v>929</v>
      </c>
      <c r="B928" s="6">
        <v>61030</v>
      </c>
      <c r="C928" s="6">
        <v>62753</v>
      </c>
      <c r="D928" s="6">
        <f t="shared" si="28"/>
        <v>-1723</v>
      </c>
      <c r="E928" s="7">
        <f t="shared" si="29"/>
        <v>-2.8232017040799608E-2</v>
      </c>
      <c r="H928" s="8"/>
      <c r="S928" s="8"/>
    </row>
    <row r="929" spans="1:19">
      <c r="A929" s="6">
        <v>930</v>
      </c>
      <c r="B929" s="6">
        <v>60977</v>
      </c>
      <c r="C929" s="6">
        <v>62674</v>
      </c>
      <c r="D929" s="6">
        <f t="shared" si="28"/>
        <v>-1697</v>
      </c>
      <c r="E929" s="7">
        <f t="shared" si="29"/>
        <v>-2.7830165472227233E-2</v>
      </c>
      <c r="H929" s="8"/>
      <c r="S929" s="8"/>
    </row>
    <row r="930" spans="1:19">
      <c r="A930" s="6">
        <v>931</v>
      </c>
      <c r="B930" s="6">
        <v>61011</v>
      </c>
      <c r="C930" s="6">
        <v>62847</v>
      </c>
      <c r="D930" s="6">
        <f t="shared" si="28"/>
        <v>-1836</v>
      </c>
      <c r="E930" s="7">
        <f t="shared" si="29"/>
        <v>-3.0092934061070956E-2</v>
      </c>
      <c r="H930" s="8"/>
      <c r="S930" s="8"/>
    </row>
    <row r="931" spans="1:19">
      <c r="A931" s="6">
        <v>932</v>
      </c>
      <c r="B931" s="6">
        <v>60996</v>
      </c>
      <c r="C931" s="6">
        <v>62668</v>
      </c>
      <c r="D931" s="6">
        <f t="shared" si="28"/>
        <v>-1672</v>
      </c>
      <c r="E931" s="7">
        <f t="shared" si="29"/>
        <v>-2.7411633549740966E-2</v>
      </c>
      <c r="H931" s="8"/>
      <c r="S931" s="8"/>
    </row>
    <row r="932" spans="1:19">
      <c r="A932" s="6">
        <v>933</v>
      </c>
      <c r="B932" s="6">
        <v>61009</v>
      </c>
      <c r="C932" s="6">
        <v>62668</v>
      </c>
      <c r="D932" s="6">
        <f t="shared" si="28"/>
        <v>-1659</v>
      </c>
      <c r="E932" s="7">
        <f t="shared" si="29"/>
        <v>-2.7192709272402433E-2</v>
      </c>
      <c r="H932" s="8"/>
      <c r="S932" s="8"/>
    </row>
    <row r="933" spans="1:19">
      <c r="A933" s="6">
        <v>934</v>
      </c>
      <c r="B933" s="6">
        <v>60985</v>
      </c>
      <c r="C933" s="6">
        <v>62694</v>
      </c>
      <c r="D933" s="6">
        <f t="shared" si="28"/>
        <v>-1709</v>
      </c>
      <c r="E933" s="7">
        <f t="shared" si="29"/>
        <v>-2.8023284414200215E-2</v>
      </c>
      <c r="H933" s="8"/>
      <c r="S933" s="8"/>
    </row>
    <row r="934" spans="1:19">
      <c r="A934" s="6">
        <v>935</v>
      </c>
      <c r="B934" s="6">
        <v>61028</v>
      </c>
      <c r="C934" s="6">
        <v>62708</v>
      </c>
      <c r="D934" s="6">
        <f t="shared" si="28"/>
        <v>-1680</v>
      </c>
      <c r="E934" s="7">
        <f t="shared" si="29"/>
        <v>-2.7528347643704529E-2</v>
      </c>
      <c r="H934" s="8"/>
      <c r="S934" s="8"/>
    </row>
    <row r="935" spans="1:19">
      <c r="A935" s="6">
        <v>936</v>
      </c>
      <c r="B935" s="6">
        <v>60999</v>
      </c>
      <c r="C935" s="6">
        <v>63087</v>
      </c>
      <c r="D935" s="6">
        <f t="shared" si="28"/>
        <v>-2088</v>
      </c>
      <c r="E935" s="7">
        <f t="shared" si="29"/>
        <v>-3.4230069345399107E-2</v>
      </c>
      <c r="H935" s="8"/>
      <c r="S935" s="8"/>
    </row>
    <row r="936" spans="1:19">
      <c r="A936" s="6">
        <v>937</v>
      </c>
      <c r="B936" s="6">
        <v>61014</v>
      </c>
      <c r="C936" s="6">
        <v>63554</v>
      </c>
      <c r="D936" s="6">
        <f t="shared" si="28"/>
        <v>-2540</v>
      </c>
      <c r="E936" s="7">
        <f t="shared" si="29"/>
        <v>-4.1629789884288851E-2</v>
      </c>
      <c r="H936" s="8"/>
      <c r="S936" s="8"/>
    </row>
    <row r="937" spans="1:19">
      <c r="A937" s="6">
        <v>938</v>
      </c>
      <c r="B937" s="6">
        <v>61081</v>
      </c>
      <c r="C937" s="6">
        <v>63502</v>
      </c>
      <c r="D937" s="6">
        <f t="shared" si="28"/>
        <v>-2421</v>
      </c>
      <c r="E937" s="7">
        <f t="shared" si="29"/>
        <v>-3.9635893321982286E-2</v>
      </c>
      <c r="H937" s="8"/>
      <c r="S937" s="8"/>
    </row>
    <row r="938" spans="1:19">
      <c r="A938" s="6">
        <v>939</v>
      </c>
      <c r="B938" s="6">
        <v>61016</v>
      </c>
      <c r="C938" s="6">
        <v>63504</v>
      </c>
      <c r="D938" s="6">
        <f t="shared" si="28"/>
        <v>-2488</v>
      </c>
      <c r="E938" s="7">
        <f t="shared" si="29"/>
        <v>-4.0776189851842143E-2</v>
      </c>
      <c r="H938" s="8"/>
      <c r="S938" s="8"/>
    </row>
    <row r="939" spans="1:19">
      <c r="A939" s="6">
        <v>940</v>
      </c>
      <c r="B939" s="6">
        <v>61152</v>
      </c>
      <c r="C939" s="6">
        <v>63512</v>
      </c>
      <c r="D939" s="6">
        <f t="shared" si="28"/>
        <v>-2360</v>
      </c>
      <c r="E939" s="7">
        <f t="shared" si="29"/>
        <v>-3.859236002093145E-2</v>
      </c>
      <c r="H939" s="8"/>
      <c r="S939" s="8"/>
    </row>
    <row r="940" spans="1:19">
      <c r="A940" s="6">
        <v>941</v>
      </c>
      <c r="B940" s="6">
        <v>61014</v>
      </c>
      <c r="C940" s="6">
        <v>63603</v>
      </c>
      <c r="D940" s="6">
        <f t="shared" si="28"/>
        <v>-2589</v>
      </c>
      <c r="E940" s="7">
        <f t="shared" si="29"/>
        <v>-4.2432884256072376E-2</v>
      </c>
      <c r="H940" s="8"/>
      <c r="S940" s="8"/>
    </row>
    <row r="941" spans="1:19">
      <c r="A941" s="6">
        <v>942</v>
      </c>
      <c r="B941" s="6">
        <v>60981</v>
      </c>
      <c r="C941" s="6">
        <v>63543</v>
      </c>
      <c r="D941" s="6">
        <f t="shared" si="28"/>
        <v>-2562</v>
      </c>
      <c r="E941" s="7">
        <f t="shared" si="29"/>
        <v>-4.201308604319378E-2</v>
      </c>
      <c r="H941" s="8"/>
      <c r="S941" s="8"/>
    </row>
    <row r="942" spans="1:19">
      <c r="A942" s="6">
        <v>943</v>
      </c>
      <c r="B942" s="6">
        <v>61037</v>
      </c>
      <c r="C942" s="6">
        <v>63544</v>
      </c>
      <c r="D942" s="6">
        <f t="shared" si="28"/>
        <v>-2507</v>
      </c>
      <c r="E942" s="7">
        <f t="shared" si="29"/>
        <v>-4.1073447253305369E-2</v>
      </c>
      <c r="H942" s="8"/>
      <c r="S942" s="8"/>
    </row>
    <row r="943" spans="1:19">
      <c r="A943" s="6">
        <v>944</v>
      </c>
      <c r="B943" s="6">
        <v>61403</v>
      </c>
      <c r="C943" s="6">
        <v>63933</v>
      </c>
      <c r="D943" s="6">
        <f t="shared" si="28"/>
        <v>-2530</v>
      </c>
      <c r="E943" s="7">
        <f t="shared" si="29"/>
        <v>-4.1203198540787911E-2</v>
      </c>
      <c r="H943" s="8"/>
      <c r="S943" s="8"/>
    </row>
    <row r="944" spans="1:19">
      <c r="A944" s="6">
        <v>945</v>
      </c>
      <c r="B944" s="6">
        <v>61412</v>
      </c>
      <c r="C944" s="6">
        <v>64324</v>
      </c>
      <c r="D944" s="6">
        <f t="shared" si="28"/>
        <v>-2912</v>
      </c>
      <c r="E944" s="7">
        <f t="shared" si="29"/>
        <v>-4.7417442845046572E-2</v>
      </c>
      <c r="H944" s="8"/>
      <c r="S944" s="8"/>
    </row>
    <row r="945" spans="1:19">
      <c r="A945" s="6">
        <v>946</v>
      </c>
      <c r="B945" s="6">
        <v>62020</v>
      </c>
      <c r="C945" s="6">
        <v>64335</v>
      </c>
      <c r="D945" s="6">
        <f t="shared" si="28"/>
        <v>-2315</v>
      </c>
      <c r="E945" s="7">
        <f t="shared" si="29"/>
        <v>-3.7326668816510804E-2</v>
      </c>
      <c r="H945" s="8"/>
      <c r="S945" s="8"/>
    </row>
    <row r="946" spans="1:19">
      <c r="A946" s="6">
        <v>947</v>
      </c>
      <c r="B946" s="6">
        <v>61433</v>
      </c>
      <c r="C946" s="6">
        <v>64336</v>
      </c>
      <c r="D946" s="6">
        <f t="shared" si="28"/>
        <v>-2903</v>
      </c>
      <c r="E946" s="7">
        <f t="shared" si="29"/>
        <v>-4.7254732798333143E-2</v>
      </c>
      <c r="H946" s="8"/>
      <c r="S946" s="8"/>
    </row>
    <row r="947" spans="1:19">
      <c r="A947" s="6">
        <v>948</v>
      </c>
      <c r="B947" s="6">
        <v>61431</v>
      </c>
      <c r="C947" s="6">
        <v>64489</v>
      </c>
      <c r="D947" s="6">
        <f t="shared" si="28"/>
        <v>-3058</v>
      </c>
      <c r="E947" s="7">
        <f t="shared" si="29"/>
        <v>-4.9779427324966222E-2</v>
      </c>
      <c r="H947" s="8"/>
      <c r="S947" s="8"/>
    </row>
    <row r="948" spans="1:19">
      <c r="A948" s="6">
        <v>949</v>
      </c>
      <c r="B948" s="6">
        <v>61428</v>
      </c>
      <c r="C948" s="6">
        <v>64323</v>
      </c>
      <c r="D948" s="6">
        <f t="shared" si="28"/>
        <v>-2895</v>
      </c>
      <c r="E948" s="7">
        <f t="shared" si="29"/>
        <v>-4.7128345379957026E-2</v>
      </c>
      <c r="H948" s="8"/>
      <c r="S948" s="8"/>
    </row>
    <row r="949" spans="1:19">
      <c r="A949" s="6">
        <v>950</v>
      </c>
      <c r="B949" s="6">
        <v>61484</v>
      </c>
      <c r="C949" s="6">
        <v>64329</v>
      </c>
      <c r="D949" s="6">
        <f t="shared" si="28"/>
        <v>-2845</v>
      </c>
      <c r="E949" s="7">
        <f t="shared" si="29"/>
        <v>-4.6272200897794546E-2</v>
      </c>
      <c r="H949" s="8"/>
      <c r="S949" s="8"/>
    </row>
    <row r="950" spans="1:19">
      <c r="A950" s="6">
        <v>951</v>
      </c>
      <c r="B950" s="6">
        <v>61416</v>
      </c>
      <c r="C950" s="6">
        <v>64336</v>
      </c>
      <c r="D950" s="6">
        <f t="shared" si="28"/>
        <v>-2920</v>
      </c>
      <c r="E950" s="7">
        <f t="shared" si="29"/>
        <v>-4.7544613781425035E-2</v>
      </c>
      <c r="H950" s="8"/>
      <c r="S950" s="8"/>
    </row>
    <row r="951" spans="1:19">
      <c r="A951" s="6">
        <v>952</v>
      </c>
      <c r="B951" s="6">
        <v>61488</v>
      </c>
      <c r="C951" s="6">
        <v>64890</v>
      </c>
      <c r="D951" s="6">
        <f t="shared" si="28"/>
        <v>-3402</v>
      </c>
      <c r="E951" s="7">
        <f t="shared" si="29"/>
        <v>-5.5327868852459015E-2</v>
      </c>
      <c r="H951" s="8"/>
      <c r="S951" s="8"/>
    </row>
    <row r="952" spans="1:19">
      <c r="A952" s="6">
        <v>953</v>
      </c>
      <c r="B952" s="6">
        <v>61441</v>
      </c>
      <c r="C952" s="6">
        <v>65159</v>
      </c>
      <c r="D952" s="6">
        <f t="shared" si="28"/>
        <v>-3718</v>
      </c>
      <c r="E952" s="7">
        <f t="shared" si="29"/>
        <v>-6.0513337999056005E-2</v>
      </c>
      <c r="H952" s="8"/>
      <c r="S952" s="8"/>
    </row>
    <row r="953" spans="1:19">
      <c r="A953" s="6">
        <v>954</v>
      </c>
      <c r="B953" s="6">
        <v>61452</v>
      </c>
      <c r="C953" s="6">
        <v>65152</v>
      </c>
      <c r="D953" s="6">
        <f t="shared" si="28"/>
        <v>-3700</v>
      </c>
      <c r="E953" s="7">
        <f t="shared" si="29"/>
        <v>-6.0209594480244745E-2</v>
      </c>
      <c r="H953" s="8"/>
      <c r="S953" s="8"/>
    </row>
    <row r="954" spans="1:19">
      <c r="A954" s="6">
        <v>955</v>
      </c>
      <c r="B954" s="6">
        <v>61400</v>
      </c>
      <c r="C954" s="6">
        <v>65208</v>
      </c>
      <c r="D954" s="6">
        <f t="shared" si="28"/>
        <v>-3808</v>
      </c>
      <c r="E954" s="7">
        <f t="shared" si="29"/>
        <v>-6.2019543973941368E-2</v>
      </c>
      <c r="H954" s="8"/>
      <c r="S954" s="8"/>
    </row>
    <row r="955" spans="1:19">
      <c r="A955" s="6">
        <v>956</v>
      </c>
      <c r="B955" s="6">
        <v>61425</v>
      </c>
      <c r="C955" s="6">
        <v>65220</v>
      </c>
      <c r="D955" s="6">
        <f t="shared" si="28"/>
        <v>-3795</v>
      </c>
      <c r="E955" s="7">
        <f t="shared" si="29"/>
        <v>-6.1782661782661785E-2</v>
      </c>
      <c r="H955" s="8"/>
      <c r="S955" s="8"/>
    </row>
    <row r="956" spans="1:19">
      <c r="A956" s="6">
        <v>957</v>
      </c>
      <c r="B956" s="6">
        <v>61409</v>
      </c>
      <c r="C956" s="6">
        <v>65208</v>
      </c>
      <c r="D956" s="6">
        <f t="shared" si="28"/>
        <v>-3799</v>
      </c>
      <c r="E956" s="7">
        <f t="shared" si="29"/>
        <v>-6.186389617157094E-2</v>
      </c>
      <c r="H956" s="8"/>
      <c r="S956" s="8"/>
    </row>
    <row r="957" spans="1:19">
      <c r="A957" s="6">
        <v>958</v>
      </c>
      <c r="B957" s="6">
        <v>61411</v>
      </c>
      <c r="C957" s="6">
        <v>65176</v>
      </c>
      <c r="D957" s="6">
        <f t="shared" si="28"/>
        <v>-3765</v>
      </c>
      <c r="E957" s="7">
        <f t="shared" si="29"/>
        <v>-6.1308234681083193E-2</v>
      </c>
      <c r="H957" s="8"/>
      <c r="S957" s="8"/>
    </row>
    <row r="958" spans="1:19">
      <c r="A958" s="6">
        <v>959</v>
      </c>
      <c r="B958" s="6">
        <v>61466</v>
      </c>
      <c r="C958" s="6">
        <v>65175</v>
      </c>
      <c r="D958" s="6">
        <f t="shared" si="28"/>
        <v>-3709</v>
      </c>
      <c r="E958" s="7">
        <f t="shared" si="29"/>
        <v>-6.0342303061855333E-2</v>
      </c>
      <c r="H958" s="8"/>
      <c r="S958" s="8"/>
    </row>
    <row r="959" spans="1:19">
      <c r="A959" s="6">
        <v>960</v>
      </c>
      <c r="B959" s="6">
        <v>60638</v>
      </c>
      <c r="C959" s="6">
        <v>60605</v>
      </c>
      <c r="D959" s="6">
        <f t="shared" si="28"/>
        <v>33</v>
      </c>
      <c r="E959" s="7">
        <f t="shared" si="29"/>
        <v>5.4421319964378771E-4</v>
      </c>
      <c r="H959" s="8"/>
      <c r="S959" s="8"/>
    </row>
    <row r="960" spans="1:19">
      <c r="A960" s="6">
        <v>961</v>
      </c>
      <c r="B960" s="6">
        <v>63521</v>
      </c>
      <c r="C960" s="6">
        <v>62674</v>
      </c>
      <c r="D960" s="6">
        <f t="shared" si="28"/>
        <v>847</v>
      </c>
      <c r="E960" s="7">
        <f t="shared" si="29"/>
        <v>1.3334172950677729E-2</v>
      </c>
      <c r="H960" s="8"/>
      <c r="S960" s="8"/>
    </row>
    <row r="961" spans="1:19">
      <c r="A961" s="6">
        <v>962</v>
      </c>
      <c r="B961" s="6">
        <v>63557</v>
      </c>
      <c r="C961" s="6">
        <v>62716</v>
      </c>
      <c r="D961" s="6">
        <f t="shared" si="28"/>
        <v>841</v>
      </c>
      <c r="E961" s="7">
        <f t="shared" si="29"/>
        <v>1.3232216750318611E-2</v>
      </c>
      <c r="H961" s="8"/>
      <c r="S961" s="8"/>
    </row>
    <row r="962" spans="1:19">
      <c r="A962" s="6">
        <v>963</v>
      </c>
      <c r="B962" s="6">
        <v>63542</v>
      </c>
      <c r="C962" s="6">
        <v>62711</v>
      </c>
      <c r="D962" s="6">
        <f t="shared" si="28"/>
        <v>831</v>
      </c>
      <c r="E962" s="7">
        <f t="shared" si="29"/>
        <v>1.3077964181171509E-2</v>
      </c>
      <c r="H962" s="8"/>
      <c r="S962" s="8"/>
    </row>
    <row r="963" spans="1:19">
      <c r="A963" s="6">
        <v>964</v>
      </c>
      <c r="B963" s="6">
        <v>63560</v>
      </c>
      <c r="C963" s="6">
        <v>62673</v>
      </c>
      <c r="D963" s="6">
        <f t="shared" si="28"/>
        <v>887</v>
      </c>
      <c r="E963" s="7">
        <f t="shared" si="29"/>
        <v>1.3955317809943361E-2</v>
      </c>
      <c r="H963" s="8"/>
      <c r="S963" s="8"/>
    </row>
    <row r="964" spans="1:19">
      <c r="A964" s="6">
        <v>965</v>
      </c>
      <c r="B964" s="6">
        <v>63472</v>
      </c>
      <c r="C964" s="6">
        <v>62708</v>
      </c>
      <c r="D964" s="6">
        <f t="shared" ref="D964:D1027" si="30">B964-C964</f>
        <v>764</v>
      </c>
      <c r="E964" s="7">
        <f t="shared" ref="E964:E1027" si="31">D964/B964</f>
        <v>1.2036803629947064E-2</v>
      </c>
      <c r="H964" s="8"/>
      <c r="S964" s="8"/>
    </row>
    <row r="965" spans="1:19">
      <c r="A965" s="6">
        <v>966</v>
      </c>
      <c r="B965" s="6">
        <v>63547</v>
      </c>
      <c r="C965" s="6">
        <v>62671</v>
      </c>
      <c r="D965" s="6">
        <f t="shared" si="30"/>
        <v>876</v>
      </c>
      <c r="E965" s="7">
        <f t="shared" si="31"/>
        <v>1.3785072466048751E-2</v>
      </c>
      <c r="H965" s="8"/>
      <c r="S965" s="8"/>
    </row>
    <row r="966" spans="1:19">
      <c r="A966" s="6">
        <v>967</v>
      </c>
      <c r="B966" s="6">
        <v>63507</v>
      </c>
      <c r="C966" s="6">
        <v>62665</v>
      </c>
      <c r="D966" s="6">
        <f t="shared" si="30"/>
        <v>842</v>
      </c>
      <c r="E966" s="7">
        <f t="shared" si="31"/>
        <v>1.3258380965877777E-2</v>
      </c>
      <c r="H966" s="8"/>
      <c r="S966" s="8"/>
    </row>
    <row r="967" spans="1:19">
      <c r="A967" s="6">
        <v>968</v>
      </c>
      <c r="B967" s="6">
        <v>63503</v>
      </c>
      <c r="C967" s="6">
        <v>63076</v>
      </c>
      <c r="D967" s="6">
        <f t="shared" si="30"/>
        <v>427</v>
      </c>
      <c r="E967" s="7">
        <f t="shared" si="31"/>
        <v>6.7240917751917231E-3</v>
      </c>
      <c r="H967" s="8"/>
      <c r="S967" s="8"/>
    </row>
    <row r="968" spans="1:19">
      <c r="A968" s="6">
        <v>969</v>
      </c>
      <c r="B968" s="6">
        <v>63481</v>
      </c>
      <c r="C968" s="6">
        <v>63489</v>
      </c>
      <c r="D968" s="6">
        <f t="shared" si="30"/>
        <v>-8</v>
      </c>
      <c r="E968" s="7">
        <f t="shared" si="31"/>
        <v>-1.2602195932641264E-4</v>
      </c>
      <c r="H968" s="8"/>
      <c r="S968" s="8"/>
    </row>
    <row r="969" spans="1:19">
      <c r="A969" s="6">
        <v>970</v>
      </c>
      <c r="B969" s="6">
        <v>63489</v>
      </c>
      <c r="C969" s="6">
        <v>63499</v>
      </c>
      <c r="D969" s="6">
        <f t="shared" si="30"/>
        <v>-10</v>
      </c>
      <c r="E969" s="7">
        <f t="shared" si="31"/>
        <v>-1.5750759974168753E-4</v>
      </c>
      <c r="H969" s="8"/>
      <c r="S969" s="8"/>
    </row>
    <row r="970" spans="1:19">
      <c r="A970" s="6">
        <v>971</v>
      </c>
      <c r="B970" s="6">
        <v>63481</v>
      </c>
      <c r="C970" s="6">
        <v>63504</v>
      </c>
      <c r="D970" s="6">
        <f t="shared" si="30"/>
        <v>-23</v>
      </c>
      <c r="E970" s="7">
        <f t="shared" si="31"/>
        <v>-3.6231313306343631E-4</v>
      </c>
      <c r="H970" s="8"/>
      <c r="S970" s="8"/>
    </row>
    <row r="971" spans="1:19">
      <c r="A971" s="6">
        <v>972</v>
      </c>
      <c r="B971" s="6">
        <v>63493</v>
      </c>
      <c r="C971" s="6">
        <v>63520</v>
      </c>
      <c r="D971" s="6">
        <f t="shared" si="30"/>
        <v>-27</v>
      </c>
      <c r="E971" s="7">
        <f t="shared" si="31"/>
        <v>-4.2524372765501709E-4</v>
      </c>
      <c r="H971" s="8"/>
      <c r="S971" s="8"/>
    </row>
    <row r="972" spans="1:19">
      <c r="A972" s="6">
        <v>973</v>
      </c>
      <c r="B972" s="6">
        <v>63505</v>
      </c>
      <c r="C972" s="6">
        <v>63554</v>
      </c>
      <c r="D972" s="6">
        <f t="shared" si="30"/>
        <v>-49</v>
      </c>
      <c r="E972" s="7">
        <f t="shared" si="31"/>
        <v>-7.7159278796945117E-4</v>
      </c>
      <c r="H972" s="8"/>
      <c r="S972" s="8"/>
    </row>
    <row r="973" spans="1:19">
      <c r="A973" s="6">
        <v>974</v>
      </c>
      <c r="B973" s="6">
        <v>63553</v>
      </c>
      <c r="C973" s="6">
        <v>63505</v>
      </c>
      <c r="D973" s="6">
        <f t="shared" si="30"/>
        <v>48</v>
      </c>
      <c r="E973" s="7">
        <f t="shared" si="31"/>
        <v>7.552751246990701E-4</v>
      </c>
      <c r="H973" s="8"/>
      <c r="S973" s="8"/>
    </row>
    <row r="974" spans="1:19">
      <c r="A974" s="6">
        <v>975</v>
      </c>
      <c r="B974" s="6">
        <v>63485</v>
      </c>
      <c r="C974" s="6">
        <v>70968</v>
      </c>
      <c r="D974" s="6">
        <f t="shared" si="30"/>
        <v>-7483</v>
      </c>
      <c r="E974" s="7">
        <f t="shared" si="31"/>
        <v>-0.11787036307789242</v>
      </c>
      <c r="H974" s="8"/>
      <c r="S974" s="8"/>
    </row>
    <row r="975" spans="1:19">
      <c r="A975" s="6">
        <v>976</v>
      </c>
      <c r="B975" s="6">
        <v>63494</v>
      </c>
      <c r="C975" s="6">
        <v>63932</v>
      </c>
      <c r="D975" s="6">
        <f t="shared" si="30"/>
        <v>-438</v>
      </c>
      <c r="E975" s="7">
        <f t="shared" si="31"/>
        <v>-6.898289602167134E-3</v>
      </c>
      <c r="H975" s="8"/>
      <c r="S975" s="8"/>
    </row>
    <row r="976" spans="1:19">
      <c r="A976" s="6">
        <v>977</v>
      </c>
      <c r="B976" s="6">
        <v>63507</v>
      </c>
      <c r="C976" s="6">
        <v>64442</v>
      </c>
      <c r="D976" s="6">
        <f t="shared" si="30"/>
        <v>-935</v>
      </c>
      <c r="E976" s="7">
        <f t="shared" si="31"/>
        <v>-1.472278646448423E-2</v>
      </c>
      <c r="H976" s="8"/>
      <c r="S976" s="8"/>
    </row>
    <row r="977" spans="1:19">
      <c r="A977" s="6">
        <v>978</v>
      </c>
      <c r="B977" s="6">
        <v>63527</v>
      </c>
      <c r="C977" s="6">
        <v>64335</v>
      </c>
      <c r="D977" s="6">
        <f t="shared" si="30"/>
        <v>-808</v>
      </c>
      <c r="E977" s="7">
        <f t="shared" si="31"/>
        <v>-1.2719001369496434E-2</v>
      </c>
      <c r="H977" s="8"/>
      <c r="S977" s="8"/>
    </row>
    <row r="978" spans="1:19">
      <c r="A978" s="6">
        <v>979</v>
      </c>
      <c r="B978" s="6">
        <v>63500</v>
      </c>
      <c r="C978" s="6">
        <v>64388</v>
      </c>
      <c r="D978" s="6">
        <f t="shared" si="30"/>
        <v>-888</v>
      </c>
      <c r="E978" s="7">
        <f t="shared" si="31"/>
        <v>-1.3984251968503936E-2</v>
      </c>
      <c r="H978" s="8"/>
      <c r="S978" s="8"/>
    </row>
    <row r="979" spans="1:19">
      <c r="A979" s="6">
        <v>980</v>
      </c>
      <c r="B979" s="6">
        <v>63557</v>
      </c>
      <c r="C979" s="6">
        <v>64327</v>
      </c>
      <c r="D979" s="6">
        <f t="shared" si="30"/>
        <v>-770</v>
      </c>
      <c r="E979" s="7">
        <f t="shared" si="31"/>
        <v>-1.211510927199207E-2</v>
      </c>
      <c r="H979" s="8"/>
      <c r="S979" s="8"/>
    </row>
    <row r="980" spans="1:19">
      <c r="A980" s="6">
        <v>981</v>
      </c>
      <c r="B980" s="6">
        <v>63505</v>
      </c>
      <c r="C980" s="6">
        <v>64806</v>
      </c>
      <c r="D980" s="6">
        <f t="shared" si="30"/>
        <v>-1301</v>
      </c>
      <c r="E980" s="7">
        <f t="shared" si="31"/>
        <v>-2.0486575860168492E-2</v>
      </c>
      <c r="H980" s="8"/>
      <c r="S980" s="8"/>
    </row>
    <row r="981" spans="1:19">
      <c r="A981" s="6">
        <v>982</v>
      </c>
      <c r="B981" s="6">
        <v>63487</v>
      </c>
      <c r="C981" s="6">
        <v>64319</v>
      </c>
      <c r="D981" s="6">
        <f t="shared" si="30"/>
        <v>-832</v>
      </c>
      <c r="E981" s="7">
        <f t="shared" si="31"/>
        <v>-1.3105045127348907E-2</v>
      </c>
      <c r="H981" s="8"/>
      <c r="S981" s="8"/>
    </row>
    <row r="982" spans="1:19">
      <c r="A982" s="6">
        <v>983</v>
      </c>
      <c r="B982" s="6">
        <v>63499</v>
      </c>
      <c r="C982" s="6">
        <v>64349</v>
      </c>
      <c r="D982" s="6">
        <f t="shared" si="30"/>
        <v>-850</v>
      </c>
      <c r="E982" s="7">
        <f t="shared" si="31"/>
        <v>-1.3386037575394888E-2</v>
      </c>
      <c r="H982" s="8"/>
      <c r="S982" s="8"/>
    </row>
    <row r="983" spans="1:19">
      <c r="A983" s="6">
        <v>984</v>
      </c>
      <c r="B983" s="6">
        <v>63512</v>
      </c>
      <c r="C983" s="6">
        <v>65411</v>
      </c>
      <c r="D983" s="6">
        <f t="shared" si="30"/>
        <v>-1899</v>
      </c>
      <c r="E983" s="7">
        <f t="shared" si="31"/>
        <v>-2.9899861443506738E-2</v>
      </c>
      <c r="H983" s="8"/>
      <c r="S983" s="8"/>
    </row>
    <row r="984" spans="1:19">
      <c r="A984" s="6">
        <v>985</v>
      </c>
      <c r="B984" s="6">
        <v>63525</v>
      </c>
      <c r="C984" s="6">
        <v>65217</v>
      </c>
      <c r="D984" s="6">
        <f t="shared" si="30"/>
        <v>-1692</v>
      </c>
      <c r="E984" s="7">
        <f t="shared" si="31"/>
        <v>-2.6635182998819361E-2</v>
      </c>
      <c r="H984" s="8"/>
      <c r="S984" s="8"/>
    </row>
    <row r="985" spans="1:19">
      <c r="A985" s="6">
        <v>986</v>
      </c>
      <c r="B985" s="6">
        <v>63510</v>
      </c>
      <c r="C985" s="6">
        <v>65163</v>
      </c>
      <c r="D985" s="6">
        <f t="shared" si="30"/>
        <v>-1653</v>
      </c>
      <c r="E985" s="7">
        <f t="shared" si="31"/>
        <v>-2.6027397260273973E-2</v>
      </c>
      <c r="H985" s="8"/>
      <c r="S985" s="8"/>
    </row>
    <row r="986" spans="1:19">
      <c r="A986" s="6">
        <v>987</v>
      </c>
      <c r="B986" s="6">
        <v>63497</v>
      </c>
      <c r="C986" s="6">
        <v>65214</v>
      </c>
      <c r="D986" s="6">
        <f t="shared" si="30"/>
        <v>-1717</v>
      </c>
      <c r="E986" s="7">
        <f t="shared" si="31"/>
        <v>-2.7040647589649906E-2</v>
      </c>
      <c r="H986" s="8"/>
      <c r="S986" s="8"/>
    </row>
    <row r="987" spans="1:19">
      <c r="A987" s="6">
        <v>988</v>
      </c>
      <c r="B987" s="6">
        <v>63509</v>
      </c>
      <c r="C987" s="6">
        <v>65199</v>
      </c>
      <c r="D987" s="6">
        <f t="shared" si="30"/>
        <v>-1690</v>
      </c>
      <c r="E987" s="7">
        <f t="shared" si="31"/>
        <v>-2.6610401675353099E-2</v>
      </c>
      <c r="H987" s="8"/>
      <c r="S987" s="8"/>
    </row>
    <row r="988" spans="1:19">
      <c r="A988" s="6">
        <v>989</v>
      </c>
      <c r="B988" s="6">
        <v>63481</v>
      </c>
      <c r="C988" s="6">
        <v>65156</v>
      </c>
      <c r="D988" s="6">
        <f t="shared" si="30"/>
        <v>-1675</v>
      </c>
      <c r="E988" s="7">
        <f t="shared" si="31"/>
        <v>-2.6385847733967644E-2</v>
      </c>
      <c r="H988" s="8"/>
      <c r="S988" s="8"/>
    </row>
    <row r="989" spans="1:19">
      <c r="A989" s="6">
        <v>990</v>
      </c>
      <c r="B989" s="6">
        <v>63539</v>
      </c>
      <c r="C989" s="6">
        <v>65176</v>
      </c>
      <c r="D989" s="6">
        <f t="shared" si="30"/>
        <v>-1637</v>
      </c>
      <c r="E989" s="7">
        <f t="shared" si="31"/>
        <v>-2.5763704181683691E-2</v>
      </c>
      <c r="H989" s="8"/>
      <c r="S989" s="8"/>
    </row>
    <row r="990" spans="1:19">
      <c r="A990" s="6">
        <v>991</v>
      </c>
      <c r="B990" s="6">
        <v>63969</v>
      </c>
      <c r="C990" s="6">
        <v>65182</v>
      </c>
      <c r="D990" s="6">
        <f t="shared" si="30"/>
        <v>-1213</v>
      </c>
      <c r="E990" s="7">
        <f t="shared" si="31"/>
        <v>-1.896230986884272E-2</v>
      </c>
      <c r="H990" s="8"/>
      <c r="S990" s="8"/>
    </row>
    <row r="991" spans="1:19">
      <c r="A991" s="6">
        <v>992</v>
      </c>
      <c r="B991" s="6">
        <v>63985</v>
      </c>
      <c r="C991" s="6">
        <v>65640</v>
      </c>
      <c r="D991" s="6">
        <f t="shared" si="30"/>
        <v>-1655</v>
      </c>
      <c r="E991" s="7">
        <f t="shared" si="31"/>
        <v>-2.5865437211846528E-2</v>
      </c>
      <c r="H991" s="8"/>
      <c r="S991" s="8"/>
    </row>
    <row r="992" spans="1:19">
      <c r="A992" s="6">
        <v>993</v>
      </c>
      <c r="B992" s="6">
        <v>64391</v>
      </c>
      <c r="C992" s="6">
        <v>66014</v>
      </c>
      <c r="D992" s="6">
        <f t="shared" si="30"/>
        <v>-1623</v>
      </c>
      <c r="E992" s="7">
        <f t="shared" si="31"/>
        <v>-2.5205385845848024E-2</v>
      </c>
      <c r="H992" s="8"/>
      <c r="S992" s="8"/>
    </row>
    <row r="993" spans="1:19">
      <c r="A993" s="6">
        <v>994</v>
      </c>
      <c r="B993" s="6">
        <v>64353</v>
      </c>
      <c r="C993" s="6">
        <v>66066</v>
      </c>
      <c r="D993" s="6">
        <f t="shared" si="30"/>
        <v>-1713</v>
      </c>
      <c r="E993" s="7">
        <f t="shared" si="31"/>
        <v>-2.6618805650086244E-2</v>
      </c>
      <c r="H993" s="8"/>
      <c r="S993" s="8"/>
    </row>
    <row r="994" spans="1:19">
      <c r="A994" s="6">
        <v>995</v>
      </c>
      <c r="B994" s="6">
        <v>64323</v>
      </c>
      <c r="C994" s="6">
        <v>66003</v>
      </c>
      <c r="D994" s="6">
        <f t="shared" si="30"/>
        <v>-1680</v>
      </c>
      <c r="E994" s="7">
        <f t="shared" si="31"/>
        <v>-2.6118184786157361E-2</v>
      </c>
      <c r="H994" s="8"/>
      <c r="S994" s="8"/>
    </row>
    <row r="995" spans="1:19">
      <c r="A995" s="6">
        <v>996</v>
      </c>
      <c r="B995" s="6">
        <v>64467</v>
      </c>
      <c r="C995" s="6">
        <v>66057</v>
      </c>
      <c r="D995" s="6">
        <f t="shared" si="30"/>
        <v>-1590</v>
      </c>
      <c r="E995" s="7">
        <f t="shared" si="31"/>
        <v>-2.4663781469589093E-2</v>
      </c>
      <c r="H995" s="8"/>
      <c r="S995" s="8"/>
    </row>
    <row r="996" spans="1:19">
      <c r="A996" s="6">
        <v>997</v>
      </c>
      <c r="B996" s="6">
        <v>64995</v>
      </c>
      <c r="C996" s="6">
        <v>66012</v>
      </c>
      <c r="D996" s="6">
        <f t="shared" si="30"/>
        <v>-1017</v>
      </c>
      <c r="E996" s="7">
        <f t="shared" si="31"/>
        <v>-1.5647357489037617E-2</v>
      </c>
      <c r="H996" s="8"/>
      <c r="S996" s="8"/>
    </row>
    <row r="997" spans="1:19">
      <c r="A997" s="6">
        <v>998</v>
      </c>
      <c r="B997" s="6">
        <v>64347</v>
      </c>
      <c r="C997" s="6">
        <v>66017</v>
      </c>
      <c r="D997" s="6">
        <f t="shared" si="30"/>
        <v>-1670</v>
      </c>
      <c r="E997" s="7">
        <f t="shared" si="31"/>
        <v>-2.5953035883568776E-2</v>
      </c>
      <c r="H997" s="8"/>
      <c r="S997" s="8"/>
    </row>
    <row r="998" spans="1:19">
      <c r="A998" s="6">
        <v>999</v>
      </c>
      <c r="B998" s="6">
        <v>64301</v>
      </c>
      <c r="C998" s="6">
        <v>66047</v>
      </c>
      <c r="D998" s="6">
        <f t="shared" si="30"/>
        <v>-1746</v>
      </c>
      <c r="E998" s="7">
        <f t="shared" si="31"/>
        <v>-2.7153543490769972E-2</v>
      </c>
      <c r="H998" s="8"/>
      <c r="S998" s="8"/>
    </row>
    <row r="999" spans="1:19">
      <c r="A999" s="6">
        <v>1000</v>
      </c>
      <c r="B999" s="6">
        <v>64332</v>
      </c>
      <c r="C999" s="6">
        <v>66418</v>
      </c>
      <c r="D999" s="6">
        <f t="shared" si="30"/>
        <v>-2086</v>
      </c>
      <c r="E999" s="7">
        <f t="shared" si="31"/>
        <v>-3.2425542498290119E-2</v>
      </c>
      <c r="H999" s="8"/>
      <c r="S999" s="8"/>
    </row>
    <row r="1000" spans="1:19">
      <c r="A1000" s="6">
        <v>1001</v>
      </c>
      <c r="B1000" s="6">
        <v>64338</v>
      </c>
      <c r="C1000" s="6">
        <v>66845</v>
      </c>
      <c r="D1000" s="6">
        <f t="shared" si="30"/>
        <v>-2507</v>
      </c>
      <c r="E1000" s="7">
        <f t="shared" si="31"/>
        <v>-3.8966085361683611E-2</v>
      </c>
      <c r="H1000" s="8"/>
      <c r="S1000" s="8"/>
    </row>
    <row r="1001" spans="1:19">
      <c r="A1001" s="6">
        <v>1002</v>
      </c>
      <c r="B1001" s="6">
        <v>64406</v>
      </c>
      <c r="C1001" s="6">
        <v>66831</v>
      </c>
      <c r="D1001" s="6">
        <f t="shared" si="30"/>
        <v>-2425</v>
      </c>
      <c r="E1001" s="7">
        <f t="shared" si="31"/>
        <v>-3.7651771574076946E-2</v>
      </c>
      <c r="H1001" s="8"/>
      <c r="S1001" s="8"/>
    </row>
    <row r="1002" spans="1:19">
      <c r="A1002" s="6">
        <v>1003</v>
      </c>
      <c r="B1002" s="6">
        <v>64371</v>
      </c>
      <c r="C1002" s="6">
        <v>66842</v>
      </c>
      <c r="D1002" s="6">
        <f t="shared" si="30"/>
        <v>-2471</v>
      </c>
      <c r="E1002" s="7">
        <f t="shared" si="31"/>
        <v>-3.838685122182349E-2</v>
      </c>
      <c r="H1002" s="8"/>
      <c r="S1002" s="8"/>
    </row>
    <row r="1003" spans="1:19">
      <c r="A1003" s="6">
        <v>1004</v>
      </c>
      <c r="B1003" s="6">
        <v>64379</v>
      </c>
      <c r="C1003" s="6">
        <v>66861</v>
      </c>
      <c r="D1003" s="6">
        <f t="shared" si="30"/>
        <v>-2482</v>
      </c>
      <c r="E1003" s="7">
        <f t="shared" si="31"/>
        <v>-3.8552944283073674E-2</v>
      </c>
      <c r="H1003" s="8"/>
      <c r="S1003" s="8"/>
    </row>
    <row r="1004" spans="1:19">
      <c r="A1004" s="6">
        <v>1005</v>
      </c>
      <c r="B1004" s="6">
        <v>64379</v>
      </c>
      <c r="C1004" s="6">
        <v>66843</v>
      </c>
      <c r="D1004" s="6">
        <f t="shared" si="30"/>
        <v>-2464</v>
      </c>
      <c r="E1004" s="7">
        <f t="shared" si="31"/>
        <v>-3.8273350005436559E-2</v>
      </c>
      <c r="H1004" s="8"/>
      <c r="S1004" s="8"/>
    </row>
    <row r="1005" spans="1:19">
      <c r="A1005" s="6">
        <v>1006</v>
      </c>
      <c r="B1005" s="6">
        <v>64324</v>
      </c>
      <c r="C1005" s="6">
        <v>66955</v>
      </c>
      <c r="D1005" s="6">
        <f t="shared" si="30"/>
        <v>-2631</v>
      </c>
      <c r="E1005" s="7">
        <f t="shared" si="31"/>
        <v>-4.0902307070455821E-2</v>
      </c>
      <c r="H1005" s="8"/>
      <c r="S1005" s="8"/>
    </row>
    <row r="1006" spans="1:19">
      <c r="A1006" s="6">
        <v>1007</v>
      </c>
      <c r="B1006" s="6">
        <v>64339</v>
      </c>
      <c r="C1006" s="6">
        <v>66846</v>
      </c>
      <c r="D1006" s="6">
        <f t="shared" si="30"/>
        <v>-2507</v>
      </c>
      <c r="E1006" s="7">
        <f t="shared" si="31"/>
        <v>-3.8965479724583842E-2</v>
      </c>
      <c r="H1006" s="8"/>
      <c r="S1006" s="8"/>
    </row>
    <row r="1007" spans="1:19">
      <c r="A1007" s="6">
        <v>1008</v>
      </c>
      <c r="B1007" s="6">
        <v>65539</v>
      </c>
      <c r="C1007" s="6">
        <v>67263</v>
      </c>
      <c r="D1007" s="6">
        <f t="shared" si="30"/>
        <v>-1724</v>
      </c>
      <c r="E1007" s="7">
        <f t="shared" si="31"/>
        <v>-2.6304948198782405E-2</v>
      </c>
      <c r="H1007" s="8"/>
      <c r="S1007" s="8"/>
    </row>
    <row r="1008" spans="1:19">
      <c r="A1008" s="6">
        <v>1009</v>
      </c>
      <c r="B1008" s="6">
        <v>64846</v>
      </c>
      <c r="C1008" s="6">
        <v>67740</v>
      </c>
      <c r="D1008" s="6">
        <f t="shared" si="30"/>
        <v>-2894</v>
      </c>
      <c r="E1008" s="7">
        <f t="shared" si="31"/>
        <v>-4.4628812879745856E-2</v>
      </c>
      <c r="H1008" s="8"/>
      <c r="S1008" s="8"/>
    </row>
    <row r="1009" spans="1:19">
      <c r="A1009" s="6">
        <v>1010</v>
      </c>
      <c r="B1009" s="6">
        <v>64756</v>
      </c>
      <c r="C1009" s="6">
        <v>67776</v>
      </c>
      <c r="D1009" s="6">
        <f t="shared" si="30"/>
        <v>-3020</v>
      </c>
      <c r="E1009" s="7">
        <f t="shared" si="31"/>
        <v>-4.663660510222991E-2</v>
      </c>
      <c r="H1009" s="8"/>
      <c r="S1009" s="8"/>
    </row>
    <row r="1010" spans="1:19">
      <c r="A1010" s="6">
        <v>1011</v>
      </c>
      <c r="B1010" s="6">
        <v>64753</v>
      </c>
      <c r="C1010" s="6">
        <v>67748</v>
      </c>
      <c r="D1010" s="6">
        <f t="shared" si="30"/>
        <v>-2995</v>
      </c>
      <c r="E1010" s="7">
        <f t="shared" si="31"/>
        <v>-4.625268327336185E-2</v>
      </c>
      <c r="H1010" s="8"/>
      <c r="S1010" s="8"/>
    </row>
    <row r="1011" spans="1:19">
      <c r="A1011" s="6">
        <v>1012</v>
      </c>
      <c r="B1011" s="6">
        <v>64750</v>
      </c>
      <c r="C1011" s="6">
        <v>67729</v>
      </c>
      <c r="D1011" s="6">
        <f t="shared" si="30"/>
        <v>-2979</v>
      </c>
      <c r="E1011" s="7">
        <f t="shared" si="31"/>
        <v>-4.6007722007722004E-2</v>
      </c>
      <c r="H1011" s="8"/>
      <c r="S1011" s="8"/>
    </row>
    <row r="1012" spans="1:19">
      <c r="A1012" s="6">
        <v>1013</v>
      </c>
      <c r="B1012" s="6">
        <v>64937</v>
      </c>
      <c r="C1012" s="6">
        <v>67665</v>
      </c>
      <c r="D1012" s="6">
        <f t="shared" si="30"/>
        <v>-2728</v>
      </c>
      <c r="E1012" s="7">
        <f t="shared" si="31"/>
        <v>-4.2009948103546517E-2</v>
      </c>
      <c r="H1012" s="8"/>
      <c r="S1012" s="8"/>
    </row>
    <row r="1013" spans="1:19">
      <c r="A1013" s="6">
        <v>1014</v>
      </c>
      <c r="B1013" s="6">
        <v>64749</v>
      </c>
      <c r="C1013" s="6">
        <v>67672</v>
      </c>
      <c r="D1013" s="6">
        <f t="shared" si="30"/>
        <v>-2923</v>
      </c>
      <c r="E1013" s="7">
        <f t="shared" si="31"/>
        <v>-4.5143554340607579E-2</v>
      </c>
      <c r="H1013" s="8"/>
      <c r="S1013" s="8"/>
    </row>
    <row r="1014" spans="1:19">
      <c r="A1014" s="6">
        <v>1015</v>
      </c>
      <c r="B1014" s="6">
        <v>64735</v>
      </c>
      <c r="C1014" s="6">
        <v>68348</v>
      </c>
      <c r="D1014" s="6">
        <f t="shared" si="30"/>
        <v>-3613</v>
      </c>
      <c r="E1014" s="7">
        <f t="shared" si="31"/>
        <v>-5.5812157256507296E-2</v>
      </c>
      <c r="H1014" s="8"/>
      <c r="S1014" s="8"/>
    </row>
    <row r="1015" spans="1:19">
      <c r="A1015" s="6">
        <v>1016</v>
      </c>
      <c r="B1015" s="6">
        <v>65400</v>
      </c>
      <c r="C1015" s="6">
        <v>68075</v>
      </c>
      <c r="D1015" s="6">
        <f t="shared" si="30"/>
        <v>-2675</v>
      </c>
      <c r="E1015" s="7">
        <f t="shared" si="31"/>
        <v>-4.0902140672782875E-2</v>
      </c>
      <c r="H1015" s="8"/>
      <c r="S1015" s="8"/>
    </row>
    <row r="1016" spans="1:19">
      <c r="A1016" s="6">
        <v>1017</v>
      </c>
      <c r="B1016" s="6">
        <v>64761</v>
      </c>
      <c r="C1016" s="6">
        <v>68505</v>
      </c>
      <c r="D1016" s="6">
        <f t="shared" si="30"/>
        <v>-3744</v>
      </c>
      <c r="E1016" s="7">
        <f t="shared" si="31"/>
        <v>-5.7812572381525922E-2</v>
      </c>
      <c r="H1016" s="8"/>
      <c r="S1016" s="8"/>
    </row>
    <row r="1017" spans="1:19">
      <c r="A1017" s="6">
        <v>1018</v>
      </c>
      <c r="B1017" s="6">
        <v>65006</v>
      </c>
      <c r="C1017" s="6">
        <v>68487</v>
      </c>
      <c r="D1017" s="6">
        <f t="shared" si="30"/>
        <v>-3481</v>
      </c>
      <c r="E1017" s="7">
        <f t="shared" si="31"/>
        <v>-5.354890317816817E-2</v>
      </c>
      <c r="H1017" s="8"/>
      <c r="S1017" s="8"/>
    </row>
    <row r="1018" spans="1:19">
      <c r="A1018" s="6">
        <v>1019</v>
      </c>
      <c r="B1018" s="6">
        <v>64739</v>
      </c>
      <c r="C1018" s="6">
        <v>68492</v>
      </c>
      <c r="D1018" s="6">
        <f t="shared" si="30"/>
        <v>-3753</v>
      </c>
      <c r="E1018" s="7">
        <f t="shared" si="31"/>
        <v>-5.7971238357095417E-2</v>
      </c>
      <c r="H1018" s="8"/>
      <c r="S1018" s="8"/>
    </row>
    <row r="1019" spans="1:19">
      <c r="A1019" s="6">
        <v>1020</v>
      </c>
      <c r="B1019" s="6">
        <v>64747</v>
      </c>
      <c r="C1019" s="6">
        <v>68577</v>
      </c>
      <c r="D1019" s="6">
        <f t="shared" si="30"/>
        <v>-3830</v>
      </c>
      <c r="E1019" s="7">
        <f t="shared" si="31"/>
        <v>-5.9153319844934903E-2</v>
      </c>
      <c r="H1019" s="8"/>
      <c r="S1019" s="8"/>
    </row>
    <row r="1020" spans="1:19">
      <c r="A1020" s="6">
        <v>1021</v>
      </c>
      <c r="B1020" s="6">
        <v>64775</v>
      </c>
      <c r="C1020" s="6">
        <v>68745</v>
      </c>
      <c r="D1020" s="6">
        <f t="shared" si="30"/>
        <v>-3970</v>
      </c>
      <c r="E1020" s="7">
        <f t="shared" si="31"/>
        <v>-6.1289077576225398E-2</v>
      </c>
      <c r="H1020" s="8"/>
      <c r="S1020" s="8"/>
    </row>
    <row r="1021" spans="1:19">
      <c r="A1021" s="6">
        <v>1022</v>
      </c>
      <c r="B1021" s="6">
        <v>64766</v>
      </c>
      <c r="C1021" s="6">
        <v>68505</v>
      </c>
      <c r="D1021" s="6">
        <f t="shared" si="30"/>
        <v>-3739</v>
      </c>
      <c r="E1021" s="7">
        <f t="shared" si="31"/>
        <v>-5.7730908192570173E-2</v>
      </c>
      <c r="H1021" s="8"/>
      <c r="S1021" s="8"/>
    </row>
    <row r="1022" spans="1:19">
      <c r="A1022" s="6">
        <v>1023</v>
      </c>
      <c r="B1022" s="6">
        <v>64972</v>
      </c>
      <c r="C1022" s="6">
        <v>68767</v>
      </c>
      <c r="D1022" s="6">
        <f t="shared" si="30"/>
        <v>-3795</v>
      </c>
      <c r="E1022" s="7">
        <f t="shared" si="31"/>
        <v>-5.8409776519115927E-2</v>
      </c>
      <c r="H1022" s="8"/>
      <c r="S1022" s="8"/>
    </row>
    <row r="1023" spans="1:19">
      <c r="A1023" s="6">
        <v>1024</v>
      </c>
      <c r="B1023" s="6">
        <v>63925</v>
      </c>
      <c r="C1023" s="6">
        <v>63931</v>
      </c>
      <c r="D1023" s="6">
        <f t="shared" si="30"/>
        <v>-6</v>
      </c>
      <c r="E1023" s="7">
        <f t="shared" si="31"/>
        <v>-9.3859992178333982E-5</v>
      </c>
      <c r="H1023" s="8"/>
      <c r="S1023" s="8"/>
    </row>
    <row r="1024" spans="1:19">
      <c r="A1024" s="6">
        <v>1025</v>
      </c>
      <c r="B1024" s="6">
        <v>66846</v>
      </c>
      <c r="C1024" s="6">
        <v>66025</v>
      </c>
      <c r="D1024" s="6">
        <f t="shared" si="30"/>
        <v>821</v>
      </c>
      <c r="E1024" s="7">
        <f t="shared" si="31"/>
        <v>1.2281961523501779E-2</v>
      </c>
      <c r="H1024" s="8"/>
      <c r="S1024" s="8"/>
    </row>
    <row r="1025" spans="1:19">
      <c r="A1025" s="6">
        <v>1026</v>
      </c>
      <c r="B1025" s="6">
        <v>66972</v>
      </c>
      <c r="C1025" s="6">
        <v>66071</v>
      </c>
      <c r="D1025" s="6">
        <f t="shared" si="30"/>
        <v>901</v>
      </c>
      <c r="E1025" s="7">
        <f t="shared" si="31"/>
        <v>1.3453383503553724E-2</v>
      </c>
      <c r="H1025" s="8"/>
      <c r="S1025" s="8"/>
    </row>
    <row r="1026" spans="1:19">
      <c r="A1026" s="6">
        <v>1027</v>
      </c>
      <c r="B1026" s="6">
        <v>66832</v>
      </c>
      <c r="C1026" s="6">
        <v>66055</v>
      </c>
      <c r="D1026" s="6">
        <f t="shared" si="30"/>
        <v>777</v>
      </c>
      <c r="E1026" s="7">
        <f t="shared" si="31"/>
        <v>1.1626167105578166E-2</v>
      </c>
      <c r="H1026" s="8"/>
      <c r="S1026" s="8"/>
    </row>
    <row r="1027" spans="1:19">
      <c r="A1027" s="6">
        <v>1028</v>
      </c>
      <c r="B1027" s="6">
        <v>66826</v>
      </c>
      <c r="C1027" s="6">
        <v>65999</v>
      </c>
      <c r="D1027" s="6">
        <f t="shared" si="30"/>
        <v>827</v>
      </c>
      <c r="E1027" s="7">
        <f t="shared" si="31"/>
        <v>1.2375422739652231E-2</v>
      </c>
      <c r="H1027" s="8"/>
      <c r="S1027" s="8"/>
    </row>
    <row r="1028" spans="1:19">
      <c r="A1028" s="6">
        <v>1029</v>
      </c>
      <c r="B1028" s="6">
        <v>66848</v>
      </c>
      <c r="C1028" s="6">
        <v>66648</v>
      </c>
      <c r="D1028" s="6">
        <f t="shared" ref="D1028:D1091" si="32">B1028-C1028</f>
        <v>200</v>
      </c>
      <c r="E1028" s="7">
        <f t="shared" ref="E1028:E1091" si="33">D1028/B1028</f>
        <v>2.9918621349928195E-3</v>
      </c>
      <c r="H1028" s="8"/>
      <c r="S1028" s="8"/>
    </row>
    <row r="1029" spans="1:19">
      <c r="A1029" s="6">
        <v>1030</v>
      </c>
      <c r="B1029" s="6">
        <v>66820</v>
      </c>
      <c r="C1029" s="6">
        <v>66006</v>
      </c>
      <c r="D1029" s="6">
        <f t="shared" si="32"/>
        <v>814</v>
      </c>
      <c r="E1029" s="7">
        <f t="shared" si="33"/>
        <v>1.2181981442681832E-2</v>
      </c>
      <c r="H1029" s="8"/>
      <c r="S1029" s="8"/>
    </row>
    <row r="1030" spans="1:19">
      <c r="A1030" s="6">
        <v>1031</v>
      </c>
      <c r="B1030" s="6">
        <v>66831</v>
      </c>
      <c r="C1030" s="6">
        <v>66003</v>
      </c>
      <c r="D1030" s="6">
        <f t="shared" si="32"/>
        <v>828</v>
      </c>
      <c r="E1030" s="7">
        <f t="shared" si="33"/>
        <v>1.2389459981146473E-2</v>
      </c>
      <c r="H1030" s="8"/>
      <c r="S1030" s="8"/>
    </row>
    <row r="1031" spans="1:19">
      <c r="A1031" s="6">
        <v>1032</v>
      </c>
      <c r="B1031" s="6">
        <v>67502</v>
      </c>
      <c r="C1031" s="6">
        <v>66422</v>
      </c>
      <c r="D1031" s="6">
        <f t="shared" si="32"/>
        <v>1080</v>
      </c>
      <c r="E1031" s="7">
        <f t="shared" si="33"/>
        <v>1.5999525939972149E-2</v>
      </c>
      <c r="H1031" s="8"/>
      <c r="S1031" s="8"/>
    </row>
    <row r="1032" spans="1:19">
      <c r="A1032" s="6">
        <v>1033</v>
      </c>
      <c r="B1032" s="6">
        <v>66889</v>
      </c>
      <c r="C1032" s="6">
        <v>67402</v>
      </c>
      <c r="D1032" s="6">
        <f t="shared" si="32"/>
        <v>-513</v>
      </c>
      <c r="E1032" s="7">
        <f t="shared" si="33"/>
        <v>-7.6694224760423986E-3</v>
      </c>
      <c r="H1032" s="8"/>
      <c r="S1032" s="8"/>
    </row>
    <row r="1033" spans="1:19">
      <c r="A1033" s="6">
        <v>1034</v>
      </c>
      <c r="B1033" s="6">
        <v>66826</v>
      </c>
      <c r="C1033" s="6">
        <v>66864</v>
      </c>
      <c r="D1033" s="6">
        <f t="shared" si="32"/>
        <v>-38</v>
      </c>
      <c r="E1033" s="7">
        <f t="shared" si="33"/>
        <v>-5.6864094813395983E-4</v>
      </c>
      <c r="H1033" s="8"/>
      <c r="S1033" s="8"/>
    </row>
    <row r="1034" spans="1:19">
      <c r="A1034" s="6">
        <v>1035</v>
      </c>
      <c r="B1034" s="6">
        <v>66874</v>
      </c>
      <c r="C1034" s="6">
        <v>66875</v>
      </c>
      <c r="D1034" s="6">
        <f t="shared" si="32"/>
        <v>-1</v>
      </c>
      <c r="E1034" s="7">
        <f t="shared" si="33"/>
        <v>-1.4953494631695427E-5</v>
      </c>
      <c r="H1034" s="8"/>
      <c r="S1034" s="8"/>
    </row>
    <row r="1035" spans="1:19">
      <c r="A1035" s="6">
        <v>1036</v>
      </c>
      <c r="B1035" s="6">
        <v>66881</v>
      </c>
      <c r="C1035" s="6">
        <v>66879</v>
      </c>
      <c r="D1035" s="6">
        <f t="shared" si="32"/>
        <v>2</v>
      </c>
      <c r="E1035" s="7">
        <f t="shared" si="33"/>
        <v>2.9903859093015955E-5</v>
      </c>
      <c r="H1035" s="8"/>
      <c r="S1035" s="8"/>
    </row>
    <row r="1036" spans="1:19">
      <c r="A1036" s="6">
        <v>1037</v>
      </c>
      <c r="B1036" s="6">
        <v>66843</v>
      </c>
      <c r="C1036" s="6">
        <v>66893</v>
      </c>
      <c r="D1036" s="6">
        <f t="shared" si="32"/>
        <v>-50</v>
      </c>
      <c r="E1036" s="7">
        <f t="shared" si="33"/>
        <v>-7.4802148317699687E-4</v>
      </c>
      <c r="H1036" s="8"/>
      <c r="S1036" s="8"/>
    </row>
    <row r="1037" spans="1:19">
      <c r="A1037" s="6">
        <v>1038</v>
      </c>
      <c r="B1037" s="6">
        <v>66959</v>
      </c>
      <c r="C1037" s="6">
        <v>66904</v>
      </c>
      <c r="D1037" s="6">
        <f t="shared" si="32"/>
        <v>55</v>
      </c>
      <c r="E1037" s="7">
        <f t="shared" si="33"/>
        <v>8.2139816902880862E-4</v>
      </c>
      <c r="H1037" s="8"/>
      <c r="S1037" s="8"/>
    </row>
    <row r="1038" spans="1:19">
      <c r="A1038" s="6">
        <v>1039</v>
      </c>
      <c r="B1038" s="6">
        <v>66836</v>
      </c>
      <c r="C1038" s="6">
        <v>66834</v>
      </c>
      <c r="D1038" s="6">
        <f t="shared" si="32"/>
        <v>2</v>
      </c>
      <c r="E1038" s="7">
        <f t="shared" si="33"/>
        <v>2.992399305763361E-5</v>
      </c>
      <c r="H1038" s="8"/>
      <c r="S1038" s="8"/>
    </row>
    <row r="1039" spans="1:19">
      <c r="A1039" s="6">
        <v>1040</v>
      </c>
      <c r="B1039" s="6">
        <v>66966</v>
      </c>
      <c r="C1039" s="6">
        <v>67233</v>
      </c>
      <c r="D1039" s="6">
        <f t="shared" si="32"/>
        <v>-267</v>
      </c>
      <c r="E1039" s="7">
        <f t="shared" si="33"/>
        <v>-3.9870979302929844E-3</v>
      </c>
      <c r="H1039" s="8"/>
      <c r="S1039" s="8"/>
    </row>
    <row r="1040" spans="1:19">
      <c r="A1040" s="6">
        <v>1041</v>
      </c>
      <c r="B1040" s="6">
        <v>66887</v>
      </c>
      <c r="C1040" s="6">
        <v>67725</v>
      </c>
      <c r="D1040" s="6">
        <f t="shared" si="32"/>
        <v>-838</v>
      </c>
      <c r="E1040" s="7">
        <f t="shared" si="33"/>
        <v>-1.2528593000134555E-2</v>
      </c>
      <c r="H1040" s="8"/>
      <c r="S1040" s="8"/>
    </row>
    <row r="1041" spans="1:19">
      <c r="A1041" s="6">
        <v>1042</v>
      </c>
      <c r="B1041" s="6">
        <v>66888</v>
      </c>
      <c r="C1041" s="6">
        <v>67683</v>
      </c>
      <c r="D1041" s="6">
        <f t="shared" si="32"/>
        <v>-795</v>
      </c>
      <c r="E1041" s="7">
        <f t="shared" si="33"/>
        <v>-1.1885540007176175E-2</v>
      </c>
      <c r="H1041" s="8"/>
      <c r="S1041" s="8"/>
    </row>
    <row r="1042" spans="1:19">
      <c r="A1042" s="6">
        <v>1043</v>
      </c>
      <c r="B1042" s="6">
        <v>66824</v>
      </c>
      <c r="C1042" s="6">
        <v>68342</v>
      </c>
      <c r="D1042" s="6">
        <f t="shared" si="32"/>
        <v>-1518</v>
      </c>
      <c r="E1042" s="7">
        <f t="shared" si="33"/>
        <v>-2.2716389321201964E-2</v>
      </c>
      <c r="H1042" s="8"/>
      <c r="S1042" s="8"/>
    </row>
    <row r="1043" spans="1:19">
      <c r="A1043" s="6">
        <v>1044</v>
      </c>
      <c r="B1043" s="6">
        <v>66828</v>
      </c>
      <c r="C1043" s="6">
        <v>67725</v>
      </c>
      <c r="D1043" s="6">
        <f t="shared" si="32"/>
        <v>-897</v>
      </c>
      <c r="E1043" s="7">
        <f t="shared" si="33"/>
        <v>-1.3422517507631532E-2</v>
      </c>
      <c r="H1043" s="8"/>
      <c r="S1043" s="8"/>
    </row>
    <row r="1044" spans="1:19">
      <c r="A1044" s="6">
        <v>1045</v>
      </c>
      <c r="B1044" s="6">
        <v>66846</v>
      </c>
      <c r="C1044" s="6">
        <v>67656</v>
      </c>
      <c r="D1044" s="6">
        <f t="shared" si="32"/>
        <v>-810</v>
      </c>
      <c r="E1044" s="7">
        <f t="shared" si="33"/>
        <v>-1.2117404182748407E-2</v>
      </c>
      <c r="H1044" s="8"/>
      <c r="S1044" s="8"/>
    </row>
    <row r="1045" spans="1:19">
      <c r="A1045" s="6">
        <v>1046</v>
      </c>
      <c r="B1045" s="6">
        <v>66832</v>
      </c>
      <c r="C1045" s="6">
        <v>67678</v>
      </c>
      <c r="D1045" s="6">
        <f t="shared" si="32"/>
        <v>-846</v>
      </c>
      <c r="E1045" s="7">
        <f t="shared" si="33"/>
        <v>-1.2658606655494373E-2</v>
      </c>
      <c r="H1045" s="8"/>
      <c r="S1045" s="8"/>
    </row>
    <row r="1046" spans="1:19">
      <c r="A1046" s="6">
        <v>1047</v>
      </c>
      <c r="B1046" s="6">
        <v>66862</v>
      </c>
      <c r="C1046" s="6">
        <v>67727</v>
      </c>
      <c r="D1046" s="6">
        <f t="shared" si="32"/>
        <v>-865</v>
      </c>
      <c r="E1046" s="7">
        <f t="shared" si="33"/>
        <v>-1.2937094313660974E-2</v>
      </c>
      <c r="H1046" s="8"/>
      <c r="S1046" s="8"/>
    </row>
    <row r="1047" spans="1:19">
      <c r="A1047" s="6">
        <v>1048</v>
      </c>
      <c r="B1047" s="6">
        <v>66840</v>
      </c>
      <c r="C1047" s="6">
        <v>68113</v>
      </c>
      <c r="D1047" s="6">
        <f t="shared" si="32"/>
        <v>-1273</v>
      </c>
      <c r="E1047" s="7">
        <f t="shared" si="33"/>
        <v>-1.9045481747456613E-2</v>
      </c>
      <c r="H1047" s="8"/>
      <c r="S1047" s="8"/>
    </row>
    <row r="1048" spans="1:19">
      <c r="A1048" s="6">
        <v>1049</v>
      </c>
      <c r="B1048" s="6">
        <v>66913</v>
      </c>
      <c r="C1048" s="6">
        <v>68519</v>
      </c>
      <c r="D1048" s="6">
        <f t="shared" si="32"/>
        <v>-1606</v>
      </c>
      <c r="E1048" s="7">
        <f t="shared" si="33"/>
        <v>-2.4001315140555646E-2</v>
      </c>
      <c r="H1048" s="8"/>
      <c r="S1048" s="8"/>
    </row>
    <row r="1049" spans="1:19">
      <c r="A1049" s="6">
        <v>1050</v>
      </c>
      <c r="B1049" s="6">
        <v>66837</v>
      </c>
      <c r="C1049" s="6">
        <v>68551</v>
      </c>
      <c r="D1049" s="6">
        <f t="shared" si="32"/>
        <v>-1714</v>
      </c>
      <c r="E1049" s="7">
        <f t="shared" si="33"/>
        <v>-2.5644478357795833E-2</v>
      </c>
      <c r="H1049" s="8"/>
      <c r="S1049" s="8"/>
    </row>
    <row r="1050" spans="1:19">
      <c r="A1050" s="6">
        <v>1051</v>
      </c>
      <c r="B1050" s="6">
        <v>66841</v>
      </c>
      <c r="C1050" s="6">
        <v>68513</v>
      </c>
      <c r="D1050" s="6">
        <f t="shared" si="32"/>
        <v>-1672</v>
      </c>
      <c r="E1050" s="7">
        <f t="shared" si="33"/>
        <v>-2.5014586855373198E-2</v>
      </c>
      <c r="H1050" s="8"/>
      <c r="S1050" s="8"/>
    </row>
    <row r="1051" spans="1:19">
      <c r="A1051" s="6">
        <v>1052</v>
      </c>
      <c r="B1051" s="6">
        <v>67003</v>
      </c>
      <c r="C1051" s="6">
        <v>68621</v>
      </c>
      <c r="D1051" s="6">
        <f t="shared" si="32"/>
        <v>-1618</v>
      </c>
      <c r="E1051" s="7">
        <f t="shared" si="33"/>
        <v>-2.4148172469889408E-2</v>
      </c>
      <c r="H1051" s="8"/>
      <c r="S1051" s="8"/>
    </row>
    <row r="1052" spans="1:19">
      <c r="A1052" s="6">
        <v>1053</v>
      </c>
      <c r="B1052" s="6">
        <v>66821</v>
      </c>
      <c r="C1052" s="6">
        <v>68569</v>
      </c>
      <c r="D1052" s="6">
        <f t="shared" si="32"/>
        <v>-1748</v>
      </c>
      <c r="E1052" s="7">
        <f t="shared" si="33"/>
        <v>-2.6159440894329627E-2</v>
      </c>
      <c r="H1052" s="8"/>
      <c r="S1052" s="8"/>
    </row>
    <row r="1053" spans="1:19">
      <c r="A1053" s="6">
        <v>1054</v>
      </c>
      <c r="B1053" s="6">
        <v>66923</v>
      </c>
      <c r="C1053" s="6">
        <v>68507</v>
      </c>
      <c r="D1053" s="6">
        <f t="shared" si="32"/>
        <v>-1584</v>
      </c>
      <c r="E1053" s="7">
        <f t="shared" si="33"/>
        <v>-2.3668992722980141E-2</v>
      </c>
      <c r="H1053" s="8"/>
      <c r="S1053" s="8"/>
    </row>
    <row r="1054" spans="1:19">
      <c r="A1054" s="6">
        <v>1055</v>
      </c>
      <c r="B1054" s="6">
        <v>67257</v>
      </c>
      <c r="C1054" s="6">
        <v>68504</v>
      </c>
      <c r="D1054" s="6">
        <f t="shared" si="32"/>
        <v>-1247</v>
      </c>
      <c r="E1054" s="7">
        <f t="shared" si="33"/>
        <v>-1.8540821029781288E-2</v>
      </c>
      <c r="H1054" s="8"/>
      <c r="S1054" s="8"/>
    </row>
    <row r="1055" spans="1:19">
      <c r="A1055" s="6">
        <v>1056</v>
      </c>
      <c r="B1055" s="6">
        <v>67311</v>
      </c>
      <c r="C1055" s="6">
        <v>68929</v>
      </c>
      <c r="D1055" s="6">
        <f t="shared" si="32"/>
        <v>-1618</v>
      </c>
      <c r="E1055" s="7">
        <f t="shared" si="33"/>
        <v>-2.403767586278617E-2</v>
      </c>
      <c r="H1055" s="8"/>
      <c r="S1055" s="8"/>
    </row>
    <row r="1056" spans="1:19">
      <c r="A1056" s="6">
        <v>1057</v>
      </c>
      <c r="B1056" s="6">
        <v>67658</v>
      </c>
      <c r="C1056" s="6">
        <v>69376</v>
      </c>
      <c r="D1056" s="6">
        <f t="shared" si="32"/>
        <v>-1718</v>
      </c>
      <c r="E1056" s="7">
        <f t="shared" si="33"/>
        <v>-2.539241479204233E-2</v>
      </c>
      <c r="H1056" s="8"/>
      <c r="S1056" s="8"/>
    </row>
    <row r="1057" spans="1:19">
      <c r="A1057" s="6">
        <v>1058</v>
      </c>
      <c r="B1057" s="6">
        <v>67675</v>
      </c>
      <c r="C1057" s="6">
        <v>69334</v>
      </c>
      <c r="D1057" s="6">
        <f t="shared" si="32"/>
        <v>-1659</v>
      </c>
      <c r="E1057" s="7">
        <f t="shared" si="33"/>
        <v>-2.4514222386405615E-2</v>
      </c>
      <c r="H1057" s="8"/>
      <c r="S1057" s="8"/>
    </row>
    <row r="1058" spans="1:19">
      <c r="A1058" s="6">
        <v>1059</v>
      </c>
      <c r="B1058" s="6">
        <v>67654</v>
      </c>
      <c r="C1058" s="6">
        <v>69471</v>
      </c>
      <c r="D1058" s="6">
        <f t="shared" si="32"/>
        <v>-1817</v>
      </c>
      <c r="E1058" s="7">
        <f t="shared" si="33"/>
        <v>-2.6857244213202472E-2</v>
      </c>
      <c r="H1058" s="8"/>
      <c r="S1058" s="8"/>
    </row>
    <row r="1059" spans="1:19">
      <c r="A1059" s="6">
        <v>1060</v>
      </c>
      <c r="B1059" s="6">
        <v>67672</v>
      </c>
      <c r="C1059" s="6">
        <v>69338</v>
      </c>
      <c r="D1059" s="6">
        <f t="shared" si="32"/>
        <v>-1666</v>
      </c>
      <c r="E1059" s="7">
        <f t="shared" si="33"/>
        <v>-2.4618749261141978E-2</v>
      </c>
      <c r="H1059" s="8"/>
      <c r="S1059" s="8"/>
    </row>
    <row r="1060" spans="1:19">
      <c r="A1060" s="6">
        <v>1061</v>
      </c>
      <c r="B1060" s="6">
        <v>67673</v>
      </c>
      <c r="C1060" s="6">
        <v>69346</v>
      </c>
      <c r="D1060" s="6">
        <f t="shared" si="32"/>
        <v>-1673</v>
      </c>
      <c r="E1060" s="7">
        <f t="shared" si="33"/>
        <v>-2.472182406572784E-2</v>
      </c>
      <c r="H1060" s="8"/>
      <c r="S1060" s="8"/>
    </row>
    <row r="1061" spans="1:19">
      <c r="A1061" s="6">
        <v>1062</v>
      </c>
      <c r="B1061" s="6">
        <v>67695</v>
      </c>
      <c r="C1061" s="6">
        <v>69417</v>
      </c>
      <c r="D1061" s="6">
        <f t="shared" si="32"/>
        <v>-1722</v>
      </c>
      <c r="E1061" s="7">
        <f t="shared" si="33"/>
        <v>-2.5437624639929095E-2</v>
      </c>
      <c r="H1061" s="8"/>
      <c r="S1061" s="8"/>
    </row>
    <row r="1062" spans="1:19">
      <c r="A1062" s="6">
        <v>1063</v>
      </c>
      <c r="B1062" s="6">
        <v>67717</v>
      </c>
      <c r="C1062" s="6">
        <v>69322</v>
      </c>
      <c r="D1062" s="6">
        <f t="shared" si="32"/>
        <v>-1605</v>
      </c>
      <c r="E1062" s="7">
        <f t="shared" si="33"/>
        <v>-2.3701581582172865E-2</v>
      </c>
      <c r="H1062" s="8"/>
      <c r="S1062" s="8"/>
    </row>
    <row r="1063" spans="1:19">
      <c r="A1063" s="6">
        <v>1064</v>
      </c>
      <c r="B1063" s="6">
        <v>67675</v>
      </c>
      <c r="C1063" s="6">
        <v>69812</v>
      </c>
      <c r="D1063" s="6">
        <f t="shared" si="32"/>
        <v>-2137</v>
      </c>
      <c r="E1063" s="7">
        <f t="shared" si="33"/>
        <v>-3.1577391946804582E-2</v>
      </c>
      <c r="H1063" s="8"/>
      <c r="S1063" s="8"/>
    </row>
    <row r="1064" spans="1:19">
      <c r="A1064" s="6">
        <v>1065</v>
      </c>
      <c r="B1064" s="6">
        <v>67669</v>
      </c>
      <c r="C1064" s="6">
        <v>70240</v>
      </c>
      <c r="D1064" s="6">
        <f t="shared" si="32"/>
        <v>-2571</v>
      </c>
      <c r="E1064" s="7">
        <f t="shared" si="33"/>
        <v>-3.7993763761840722E-2</v>
      </c>
      <c r="H1064" s="8"/>
      <c r="S1064" s="8"/>
    </row>
    <row r="1065" spans="1:19">
      <c r="A1065" s="6">
        <v>1066</v>
      </c>
      <c r="B1065" s="6">
        <v>67676</v>
      </c>
      <c r="C1065" s="6">
        <v>70205</v>
      </c>
      <c r="D1065" s="6">
        <f t="shared" si="32"/>
        <v>-2529</v>
      </c>
      <c r="E1065" s="7">
        <f t="shared" si="33"/>
        <v>-3.7369229859920798E-2</v>
      </c>
      <c r="H1065" s="8"/>
      <c r="S1065" s="8"/>
    </row>
    <row r="1066" spans="1:19">
      <c r="A1066" s="6">
        <v>1067</v>
      </c>
      <c r="B1066" s="6">
        <v>67657</v>
      </c>
      <c r="C1066" s="6">
        <v>70218</v>
      </c>
      <c r="D1066" s="6">
        <f t="shared" si="32"/>
        <v>-2561</v>
      </c>
      <c r="E1066" s="7">
        <f t="shared" si="33"/>
        <v>-3.7852698168703902E-2</v>
      </c>
      <c r="H1066" s="8"/>
      <c r="S1066" s="8"/>
    </row>
    <row r="1067" spans="1:19">
      <c r="A1067" s="6">
        <v>1068</v>
      </c>
      <c r="B1067" s="6">
        <v>67703</v>
      </c>
      <c r="C1067" s="6">
        <v>70155</v>
      </c>
      <c r="D1067" s="6">
        <f t="shared" si="32"/>
        <v>-2452</v>
      </c>
      <c r="E1067" s="7">
        <f t="shared" si="33"/>
        <v>-3.6217006631907009E-2</v>
      </c>
      <c r="H1067" s="8"/>
      <c r="S1067" s="8"/>
    </row>
    <row r="1068" spans="1:19">
      <c r="A1068" s="6">
        <v>1069</v>
      </c>
      <c r="B1068" s="6">
        <v>67650</v>
      </c>
      <c r="C1068" s="6">
        <v>70274</v>
      </c>
      <c r="D1068" s="6">
        <f t="shared" si="32"/>
        <v>-2624</v>
      </c>
      <c r="E1068" s="7">
        <f t="shared" si="33"/>
        <v>-3.8787878787878788E-2</v>
      </c>
      <c r="H1068" s="8"/>
      <c r="S1068" s="8"/>
    </row>
    <row r="1069" spans="1:19">
      <c r="A1069" s="6">
        <v>1070</v>
      </c>
      <c r="B1069" s="6">
        <v>67770</v>
      </c>
      <c r="C1069" s="6">
        <v>70169</v>
      </c>
      <c r="D1069" s="6">
        <f t="shared" si="32"/>
        <v>-2399</v>
      </c>
      <c r="E1069" s="7">
        <f t="shared" si="33"/>
        <v>-3.5399144164084406E-2</v>
      </c>
      <c r="H1069" s="8"/>
      <c r="S1069" s="8"/>
    </row>
    <row r="1070" spans="1:19">
      <c r="A1070" s="6">
        <v>1071</v>
      </c>
      <c r="B1070" s="6">
        <v>67684</v>
      </c>
      <c r="C1070" s="6">
        <v>70160</v>
      </c>
      <c r="D1070" s="6">
        <f t="shared" si="32"/>
        <v>-2476</v>
      </c>
      <c r="E1070" s="7">
        <f t="shared" si="33"/>
        <v>-3.6581762307192248E-2</v>
      </c>
      <c r="H1070" s="8"/>
      <c r="S1070" s="8"/>
    </row>
    <row r="1071" spans="1:19">
      <c r="A1071" s="6">
        <v>1072</v>
      </c>
      <c r="B1071" s="6">
        <v>68117</v>
      </c>
      <c r="C1071" s="6">
        <v>70588</v>
      </c>
      <c r="D1071" s="6">
        <f t="shared" si="32"/>
        <v>-2471</v>
      </c>
      <c r="E1071" s="7">
        <f t="shared" si="33"/>
        <v>-3.6275819545781525E-2</v>
      </c>
      <c r="H1071" s="8"/>
      <c r="S1071" s="8"/>
    </row>
    <row r="1072" spans="1:19">
      <c r="A1072" s="6">
        <v>1073</v>
      </c>
      <c r="B1072" s="6">
        <v>68130</v>
      </c>
      <c r="C1072" s="6">
        <v>71206</v>
      </c>
      <c r="D1072" s="6">
        <f t="shared" si="32"/>
        <v>-3076</v>
      </c>
      <c r="E1072" s="7">
        <f t="shared" si="33"/>
        <v>-4.5148979891384118E-2</v>
      </c>
      <c r="H1072" s="8"/>
      <c r="S1072" s="8"/>
    </row>
    <row r="1073" spans="1:19">
      <c r="A1073" s="6">
        <v>1074</v>
      </c>
      <c r="B1073" s="6">
        <v>68517</v>
      </c>
      <c r="C1073" s="6">
        <v>71010</v>
      </c>
      <c r="D1073" s="6">
        <f t="shared" si="32"/>
        <v>-2493</v>
      </c>
      <c r="E1073" s="7">
        <f t="shared" si="33"/>
        <v>-3.6385130697491136E-2</v>
      </c>
      <c r="H1073" s="8"/>
      <c r="S1073" s="8"/>
    </row>
    <row r="1074" spans="1:19">
      <c r="A1074" s="6">
        <v>1075</v>
      </c>
      <c r="B1074" s="6">
        <v>68080</v>
      </c>
      <c r="C1074" s="6">
        <v>71008</v>
      </c>
      <c r="D1074" s="6">
        <f t="shared" si="32"/>
        <v>-2928</v>
      </c>
      <c r="E1074" s="7">
        <f t="shared" si="33"/>
        <v>-4.3008225616921268E-2</v>
      </c>
      <c r="H1074" s="8"/>
      <c r="S1074" s="8"/>
    </row>
    <row r="1075" spans="1:19">
      <c r="A1075" s="6">
        <v>1076</v>
      </c>
      <c r="B1075" s="6">
        <v>68075</v>
      </c>
      <c r="C1075" s="6">
        <v>71019</v>
      </c>
      <c r="D1075" s="6">
        <f t="shared" si="32"/>
        <v>-2944</v>
      </c>
      <c r="E1075" s="7">
        <f t="shared" si="33"/>
        <v>-4.3246419390378259E-2</v>
      </c>
      <c r="H1075" s="8"/>
      <c r="S1075" s="8"/>
    </row>
    <row r="1076" spans="1:19">
      <c r="A1076" s="6">
        <v>1077</v>
      </c>
      <c r="B1076" s="6">
        <v>68132</v>
      </c>
      <c r="C1076" s="6">
        <v>71461</v>
      </c>
      <c r="D1076" s="6">
        <f t="shared" si="32"/>
        <v>-3329</v>
      </c>
      <c r="E1076" s="7">
        <f t="shared" si="33"/>
        <v>-4.8861034462513941E-2</v>
      </c>
      <c r="H1076" s="8"/>
      <c r="S1076" s="8"/>
    </row>
    <row r="1077" spans="1:19">
      <c r="A1077" s="6">
        <v>1078</v>
      </c>
      <c r="B1077" s="6">
        <v>68104</v>
      </c>
      <c r="C1077" s="6">
        <v>71339</v>
      </c>
      <c r="D1077" s="6">
        <f t="shared" si="32"/>
        <v>-3235</v>
      </c>
      <c r="E1077" s="7">
        <f t="shared" si="33"/>
        <v>-4.7500881005520967E-2</v>
      </c>
      <c r="H1077" s="8"/>
      <c r="S1077" s="8"/>
    </row>
    <row r="1078" spans="1:19">
      <c r="A1078" s="6">
        <v>1079</v>
      </c>
      <c r="B1078" s="6">
        <v>68075</v>
      </c>
      <c r="C1078" s="6">
        <v>71117</v>
      </c>
      <c r="D1078" s="6">
        <f t="shared" si="32"/>
        <v>-3042</v>
      </c>
      <c r="E1078" s="7">
        <f t="shared" si="33"/>
        <v>-4.4686008079324276E-2</v>
      </c>
      <c r="H1078" s="8"/>
      <c r="S1078" s="8"/>
    </row>
    <row r="1079" spans="1:19">
      <c r="A1079" s="6">
        <v>1080</v>
      </c>
      <c r="B1079" s="6">
        <v>68069</v>
      </c>
      <c r="C1079" s="6">
        <v>71409</v>
      </c>
      <c r="D1079" s="6">
        <f t="shared" si="32"/>
        <v>-3340</v>
      </c>
      <c r="E1079" s="7">
        <f t="shared" si="33"/>
        <v>-4.9067857615067066E-2</v>
      </c>
      <c r="H1079" s="8"/>
      <c r="S1079" s="8"/>
    </row>
    <row r="1080" spans="1:19">
      <c r="A1080" s="6">
        <v>1081</v>
      </c>
      <c r="B1080" s="6">
        <v>68099</v>
      </c>
      <c r="C1080" s="6">
        <v>71841</v>
      </c>
      <c r="D1080" s="6">
        <f t="shared" si="32"/>
        <v>-3742</v>
      </c>
      <c r="E1080" s="7">
        <f t="shared" si="33"/>
        <v>-5.4949411885637088E-2</v>
      </c>
      <c r="H1080" s="8"/>
      <c r="S1080" s="8"/>
    </row>
    <row r="1081" spans="1:19">
      <c r="A1081" s="6">
        <v>1082</v>
      </c>
      <c r="B1081" s="6">
        <v>68128</v>
      </c>
      <c r="C1081" s="6">
        <v>71829</v>
      </c>
      <c r="D1081" s="6">
        <f t="shared" si="32"/>
        <v>-3701</v>
      </c>
      <c r="E1081" s="7">
        <f t="shared" si="33"/>
        <v>-5.4324213245655235E-2</v>
      </c>
      <c r="H1081" s="8"/>
      <c r="S1081" s="8"/>
    </row>
    <row r="1082" spans="1:19">
      <c r="A1082" s="6">
        <v>1083</v>
      </c>
      <c r="B1082" s="6">
        <v>68086</v>
      </c>
      <c r="C1082" s="6">
        <v>71842</v>
      </c>
      <c r="D1082" s="6">
        <f t="shared" si="32"/>
        <v>-3756</v>
      </c>
      <c r="E1082" s="7">
        <f t="shared" si="33"/>
        <v>-5.5165525952471872E-2</v>
      </c>
      <c r="H1082" s="8"/>
      <c r="S1082" s="8"/>
    </row>
    <row r="1083" spans="1:19">
      <c r="A1083" s="6">
        <v>1084</v>
      </c>
      <c r="B1083" s="6">
        <v>68087</v>
      </c>
      <c r="C1083" s="6">
        <v>72139</v>
      </c>
      <c r="D1083" s="6">
        <f t="shared" si="32"/>
        <v>-4052</v>
      </c>
      <c r="E1083" s="7">
        <f t="shared" si="33"/>
        <v>-5.9512094819862825E-2</v>
      </c>
      <c r="H1083" s="8"/>
      <c r="S1083" s="8"/>
    </row>
    <row r="1084" spans="1:19">
      <c r="A1084" s="6">
        <v>1085</v>
      </c>
      <c r="B1084" s="6">
        <v>68103</v>
      </c>
      <c r="C1084" s="6">
        <v>71848</v>
      </c>
      <c r="D1084" s="6">
        <f t="shared" si="32"/>
        <v>-3745</v>
      </c>
      <c r="E1084" s="7">
        <f t="shared" si="33"/>
        <v>-5.4990235378764518E-2</v>
      </c>
      <c r="H1084" s="8"/>
      <c r="S1084" s="8"/>
    </row>
    <row r="1085" spans="1:19">
      <c r="A1085" s="6">
        <v>1086</v>
      </c>
      <c r="B1085" s="6">
        <v>68214</v>
      </c>
      <c r="C1085" s="6">
        <v>71833</v>
      </c>
      <c r="D1085" s="6">
        <f t="shared" si="32"/>
        <v>-3619</v>
      </c>
      <c r="E1085" s="7">
        <f t="shared" si="33"/>
        <v>-5.3053625355498873E-2</v>
      </c>
      <c r="H1085" s="8"/>
      <c r="S1085" s="8"/>
    </row>
    <row r="1086" spans="1:19">
      <c r="A1086" s="6">
        <v>1087</v>
      </c>
      <c r="B1086" s="6">
        <v>68087</v>
      </c>
      <c r="C1086" s="6">
        <v>71921</v>
      </c>
      <c r="D1086" s="6">
        <f t="shared" si="32"/>
        <v>-3834</v>
      </c>
      <c r="E1086" s="7">
        <f t="shared" si="33"/>
        <v>-5.6310308869534566E-2</v>
      </c>
      <c r="H1086" s="8"/>
      <c r="S1086" s="8"/>
    </row>
    <row r="1087" spans="1:19">
      <c r="A1087" s="6">
        <v>1088</v>
      </c>
      <c r="B1087" s="6">
        <v>68185</v>
      </c>
      <c r="C1087" s="6">
        <v>67938</v>
      </c>
      <c r="D1087" s="6">
        <f t="shared" si="32"/>
        <v>247</v>
      </c>
      <c r="E1087" s="7">
        <f t="shared" si="33"/>
        <v>3.6224976167778837E-3</v>
      </c>
      <c r="H1087" s="8"/>
      <c r="S1087" s="8"/>
    </row>
    <row r="1088" spans="1:19">
      <c r="A1088" s="6">
        <v>1089</v>
      </c>
      <c r="B1088" s="6">
        <v>79183</v>
      </c>
      <c r="C1088" s="6">
        <v>78455</v>
      </c>
      <c r="D1088" s="6">
        <f t="shared" si="32"/>
        <v>728</v>
      </c>
      <c r="E1088" s="7">
        <f t="shared" si="33"/>
        <v>9.193892628468231E-3</v>
      </c>
      <c r="H1088" s="8"/>
      <c r="S1088" s="8"/>
    </row>
    <row r="1089" spans="1:19">
      <c r="A1089" s="6">
        <v>1090</v>
      </c>
      <c r="B1089" s="6">
        <v>78729</v>
      </c>
      <c r="C1089" s="6">
        <v>78243</v>
      </c>
      <c r="D1089" s="6">
        <f t="shared" si="32"/>
        <v>486</v>
      </c>
      <c r="E1089" s="7">
        <f t="shared" si="33"/>
        <v>6.1730747246884887E-3</v>
      </c>
      <c r="H1089" s="8"/>
      <c r="S1089" s="8"/>
    </row>
    <row r="1090" spans="1:19">
      <c r="A1090" s="6">
        <v>1091</v>
      </c>
      <c r="B1090" s="6">
        <v>79600</v>
      </c>
      <c r="C1090" s="6">
        <v>78644</v>
      </c>
      <c r="D1090" s="6">
        <f t="shared" si="32"/>
        <v>956</v>
      </c>
      <c r="E1090" s="7">
        <f t="shared" si="33"/>
        <v>1.2010050251256281E-2</v>
      </c>
      <c r="H1090" s="8"/>
      <c r="S1090" s="8"/>
    </row>
    <row r="1091" spans="1:19">
      <c r="A1091" s="6">
        <v>1092</v>
      </c>
      <c r="B1091" s="6">
        <v>79880</v>
      </c>
      <c r="C1091" s="6">
        <v>78758</v>
      </c>
      <c r="D1091" s="6">
        <f t="shared" si="32"/>
        <v>1122</v>
      </c>
      <c r="E1091" s="7">
        <f t="shared" si="33"/>
        <v>1.4046069103655483E-2</v>
      </c>
      <c r="H1091" s="8"/>
      <c r="S1091" s="8"/>
    </row>
    <row r="1092" spans="1:19">
      <c r="A1092" s="6">
        <v>1093</v>
      </c>
      <c r="B1092" s="6">
        <v>78124</v>
      </c>
      <c r="C1092" s="6">
        <v>79510</v>
      </c>
      <c r="D1092" s="6">
        <f t="shared" ref="D1092:D1155" si="34">B1092-C1092</f>
        <v>-1386</v>
      </c>
      <c r="E1092" s="7">
        <f t="shared" ref="E1092:E1155" si="35">D1092/B1092</f>
        <v>-1.7741027085146691E-2</v>
      </c>
      <c r="H1092" s="8"/>
      <c r="S1092" s="8"/>
    </row>
    <row r="1093" spans="1:19">
      <c r="A1093" s="6">
        <v>1094</v>
      </c>
      <c r="B1093" s="6">
        <v>79147</v>
      </c>
      <c r="C1093" s="6">
        <v>77035</v>
      </c>
      <c r="D1093" s="6">
        <f t="shared" si="34"/>
        <v>2112</v>
      </c>
      <c r="E1093" s="7">
        <f t="shared" si="35"/>
        <v>2.6684523734317157E-2</v>
      </c>
      <c r="H1093" s="8"/>
      <c r="S1093" s="8"/>
    </row>
    <row r="1094" spans="1:19">
      <c r="A1094" s="6">
        <v>1095</v>
      </c>
      <c r="B1094" s="6">
        <v>80605</v>
      </c>
      <c r="C1094" s="6">
        <v>79559</v>
      </c>
      <c r="D1094" s="6">
        <f t="shared" si="34"/>
        <v>1046</v>
      </c>
      <c r="E1094" s="7">
        <f t="shared" si="35"/>
        <v>1.2976862477513802E-2</v>
      </c>
      <c r="H1094" s="8"/>
      <c r="S1094" s="8"/>
    </row>
    <row r="1095" spans="1:19">
      <c r="A1095" s="6">
        <v>1096</v>
      </c>
      <c r="B1095" s="6">
        <v>78642</v>
      </c>
      <c r="C1095" s="6">
        <v>81228</v>
      </c>
      <c r="D1095" s="6">
        <f t="shared" si="34"/>
        <v>-2586</v>
      </c>
      <c r="E1095" s="7">
        <f t="shared" si="35"/>
        <v>-3.288319218738079E-2</v>
      </c>
      <c r="H1095" s="8"/>
      <c r="S1095" s="8"/>
    </row>
    <row r="1096" spans="1:19">
      <c r="A1096" s="6">
        <v>1097</v>
      </c>
      <c r="B1096" s="6">
        <v>77967</v>
      </c>
      <c r="C1096" s="6">
        <v>78019</v>
      </c>
      <c r="D1096" s="6">
        <f t="shared" si="34"/>
        <v>-52</v>
      </c>
      <c r="E1096" s="7">
        <f t="shared" si="35"/>
        <v>-6.6694883732861334E-4</v>
      </c>
      <c r="H1096" s="8"/>
      <c r="S1096" s="8"/>
    </row>
    <row r="1097" spans="1:19">
      <c r="A1097" s="6">
        <v>1098</v>
      </c>
      <c r="B1097" s="6">
        <v>80064</v>
      </c>
      <c r="C1097" s="6">
        <v>79355</v>
      </c>
      <c r="D1097" s="6">
        <f t="shared" si="34"/>
        <v>709</v>
      </c>
      <c r="E1097" s="7">
        <f t="shared" si="35"/>
        <v>8.8554156674660271E-3</v>
      </c>
      <c r="H1097" s="8"/>
      <c r="S1097" s="8"/>
    </row>
    <row r="1098" spans="1:19">
      <c r="A1098" s="6">
        <v>1099</v>
      </c>
      <c r="B1098" s="6">
        <v>78108</v>
      </c>
      <c r="C1098" s="6">
        <v>77975</v>
      </c>
      <c r="D1098" s="6">
        <f t="shared" si="34"/>
        <v>133</v>
      </c>
      <c r="E1098" s="7">
        <f t="shared" si="35"/>
        <v>1.7027705228657756E-3</v>
      </c>
      <c r="H1098" s="8"/>
      <c r="S1098" s="8"/>
    </row>
    <row r="1099" spans="1:19">
      <c r="A1099" s="6">
        <v>1100</v>
      </c>
      <c r="B1099" s="6">
        <v>80466</v>
      </c>
      <c r="C1099" s="6">
        <v>79785</v>
      </c>
      <c r="D1099" s="6">
        <f t="shared" si="34"/>
        <v>681</v>
      </c>
      <c r="E1099" s="7">
        <f t="shared" si="35"/>
        <v>8.4632018492282451E-3</v>
      </c>
      <c r="H1099" s="8"/>
      <c r="S1099" s="8"/>
    </row>
    <row r="1100" spans="1:19">
      <c r="A1100" s="6">
        <v>1101</v>
      </c>
      <c r="B1100" s="6">
        <v>79916</v>
      </c>
      <c r="C1100" s="6">
        <v>78590</v>
      </c>
      <c r="D1100" s="6">
        <f t="shared" si="34"/>
        <v>1326</v>
      </c>
      <c r="E1100" s="7">
        <f t="shared" si="35"/>
        <v>1.6592422043145302E-2</v>
      </c>
      <c r="H1100" s="8"/>
      <c r="S1100" s="8"/>
    </row>
    <row r="1101" spans="1:19">
      <c r="A1101" s="6">
        <v>1102</v>
      </c>
      <c r="B1101" s="6">
        <v>77291</v>
      </c>
      <c r="C1101" s="6">
        <v>80281</v>
      </c>
      <c r="D1101" s="6">
        <f t="shared" si="34"/>
        <v>-2990</v>
      </c>
      <c r="E1101" s="7">
        <f t="shared" si="35"/>
        <v>-3.8684969789496836E-2</v>
      </c>
      <c r="H1101" s="8"/>
      <c r="S1101" s="8"/>
    </row>
    <row r="1102" spans="1:19">
      <c r="A1102" s="6">
        <v>1103</v>
      </c>
      <c r="B1102" s="6">
        <v>78870</v>
      </c>
      <c r="C1102" s="6">
        <v>78365</v>
      </c>
      <c r="D1102" s="6">
        <f t="shared" si="34"/>
        <v>505</v>
      </c>
      <c r="E1102" s="7">
        <f t="shared" si="35"/>
        <v>6.402941549385064E-3</v>
      </c>
      <c r="H1102" s="8"/>
      <c r="S1102" s="8"/>
    </row>
    <row r="1103" spans="1:19">
      <c r="A1103" s="6">
        <v>1104</v>
      </c>
      <c r="B1103" s="6">
        <v>79347</v>
      </c>
      <c r="C1103" s="6">
        <v>81598</v>
      </c>
      <c r="D1103" s="6">
        <f t="shared" si="34"/>
        <v>-2251</v>
      </c>
      <c r="E1103" s="7">
        <f t="shared" si="35"/>
        <v>-2.836906247243122E-2</v>
      </c>
      <c r="H1103" s="8"/>
      <c r="S1103" s="8"/>
    </row>
    <row r="1104" spans="1:19">
      <c r="A1104" s="6">
        <v>1105</v>
      </c>
      <c r="B1104" s="6">
        <v>78229</v>
      </c>
      <c r="C1104" s="6">
        <v>84738</v>
      </c>
      <c r="D1104" s="6">
        <f t="shared" si="34"/>
        <v>-6509</v>
      </c>
      <c r="E1104" s="7">
        <f t="shared" si="35"/>
        <v>-8.3204438251799198E-2</v>
      </c>
      <c r="H1104" s="8"/>
      <c r="S1104" s="8"/>
    </row>
    <row r="1105" spans="1:19">
      <c r="A1105" s="6">
        <v>1106</v>
      </c>
      <c r="B1105" s="6">
        <v>80217</v>
      </c>
      <c r="C1105" s="6">
        <v>81913</v>
      </c>
      <c r="D1105" s="6">
        <f t="shared" si="34"/>
        <v>-1696</v>
      </c>
      <c r="E1105" s="7">
        <f t="shared" si="35"/>
        <v>-2.1142650560355036E-2</v>
      </c>
      <c r="H1105" s="8"/>
      <c r="S1105" s="8"/>
    </row>
    <row r="1106" spans="1:19">
      <c r="A1106" s="6">
        <v>1107</v>
      </c>
      <c r="B1106" s="6">
        <v>78014</v>
      </c>
      <c r="C1106" s="6">
        <v>80726</v>
      </c>
      <c r="D1106" s="6">
        <f t="shared" si="34"/>
        <v>-2712</v>
      </c>
      <c r="E1106" s="7">
        <f t="shared" si="35"/>
        <v>-3.4762991257979339E-2</v>
      </c>
      <c r="H1106" s="8"/>
      <c r="S1106" s="8"/>
    </row>
    <row r="1107" spans="1:19">
      <c r="A1107" s="6">
        <v>1108</v>
      </c>
      <c r="B1107" s="6">
        <v>78409</v>
      </c>
      <c r="C1107" s="6">
        <v>81427</v>
      </c>
      <c r="D1107" s="6">
        <f t="shared" si="34"/>
        <v>-3018</v>
      </c>
      <c r="E1107" s="7">
        <f t="shared" si="35"/>
        <v>-3.8490479409251488E-2</v>
      </c>
      <c r="H1107" s="8"/>
      <c r="S1107" s="8"/>
    </row>
    <row r="1108" spans="1:19">
      <c r="A1108" s="6">
        <v>1109</v>
      </c>
      <c r="B1108" s="6">
        <v>77770</v>
      </c>
      <c r="C1108" s="6">
        <v>80076</v>
      </c>
      <c r="D1108" s="6">
        <f t="shared" si="34"/>
        <v>-2306</v>
      </c>
      <c r="E1108" s="7">
        <f t="shared" si="35"/>
        <v>-2.9651536582229653E-2</v>
      </c>
      <c r="H1108" s="8"/>
      <c r="S1108" s="8"/>
    </row>
    <row r="1109" spans="1:19">
      <c r="A1109" s="6">
        <v>1110</v>
      </c>
      <c r="B1109" s="6">
        <v>78392</v>
      </c>
      <c r="C1109" s="6">
        <v>80987</v>
      </c>
      <c r="D1109" s="6">
        <f t="shared" si="34"/>
        <v>-2595</v>
      </c>
      <c r="E1109" s="7">
        <f t="shared" si="35"/>
        <v>-3.3102867639555056E-2</v>
      </c>
      <c r="H1109" s="8"/>
      <c r="S1109" s="8"/>
    </row>
    <row r="1110" spans="1:19">
      <c r="A1110" s="6">
        <v>1111</v>
      </c>
      <c r="B1110" s="6">
        <v>77395</v>
      </c>
      <c r="C1110" s="6">
        <v>81188</v>
      </c>
      <c r="D1110" s="6">
        <f t="shared" si="34"/>
        <v>-3793</v>
      </c>
      <c r="E1110" s="7">
        <f t="shared" si="35"/>
        <v>-4.9008333871697139E-2</v>
      </c>
      <c r="H1110" s="8"/>
      <c r="S1110" s="8"/>
    </row>
    <row r="1111" spans="1:19">
      <c r="A1111" s="6">
        <v>1112</v>
      </c>
      <c r="B1111" s="6">
        <v>77485</v>
      </c>
      <c r="C1111" s="6">
        <v>83269</v>
      </c>
      <c r="D1111" s="6">
        <f t="shared" si="34"/>
        <v>-5784</v>
      </c>
      <c r="E1111" s="7">
        <f t="shared" si="35"/>
        <v>-7.4646705814028519E-2</v>
      </c>
      <c r="H1111" s="8"/>
      <c r="S1111" s="8"/>
    </row>
    <row r="1112" spans="1:19">
      <c r="A1112" s="6">
        <v>1113</v>
      </c>
      <c r="B1112" s="6">
        <v>78360</v>
      </c>
      <c r="C1112" s="6">
        <v>82771</v>
      </c>
      <c r="D1112" s="6">
        <f t="shared" si="34"/>
        <v>-4411</v>
      </c>
      <c r="E1112" s="7">
        <f t="shared" si="35"/>
        <v>-5.6291475242470648E-2</v>
      </c>
      <c r="H1112" s="8"/>
      <c r="S1112" s="8"/>
    </row>
    <row r="1113" spans="1:19">
      <c r="A1113" s="6">
        <v>1114</v>
      </c>
      <c r="B1113" s="6">
        <v>77816</v>
      </c>
      <c r="C1113" s="6">
        <v>84699</v>
      </c>
      <c r="D1113" s="6">
        <f t="shared" si="34"/>
        <v>-6883</v>
      </c>
      <c r="E1113" s="7">
        <f t="shared" si="35"/>
        <v>-8.8452246324663308E-2</v>
      </c>
      <c r="H1113" s="8"/>
      <c r="S1113" s="8"/>
    </row>
    <row r="1114" spans="1:19">
      <c r="A1114" s="6">
        <v>1115</v>
      </c>
      <c r="B1114" s="6">
        <v>77264</v>
      </c>
      <c r="C1114" s="6">
        <v>81962</v>
      </c>
      <c r="D1114" s="6">
        <f t="shared" si="34"/>
        <v>-4698</v>
      </c>
      <c r="E1114" s="7">
        <f t="shared" si="35"/>
        <v>-6.080451439221371E-2</v>
      </c>
      <c r="H1114" s="8"/>
      <c r="S1114" s="8"/>
    </row>
    <row r="1115" spans="1:19">
      <c r="A1115" s="6">
        <v>1116</v>
      </c>
      <c r="B1115" s="6">
        <v>78663</v>
      </c>
      <c r="C1115" s="6">
        <v>82618</v>
      </c>
      <c r="D1115" s="6">
        <f t="shared" si="34"/>
        <v>-3955</v>
      </c>
      <c r="E1115" s="7">
        <f t="shared" si="35"/>
        <v>-5.0277767184063661E-2</v>
      </c>
      <c r="H1115" s="8"/>
      <c r="S1115" s="8"/>
    </row>
    <row r="1116" spans="1:19">
      <c r="A1116" s="6">
        <v>1117</v>
      </c>
      <c r="B1116" s="6">
        <v>77915</v>
      </c>
      <c r="C1116" s="6">
        <v>82782</v>
      </c>
      <c r="D1116" s="6">
        <f t="shared" si="34"/>
        <v>-4867</v>
      </c>
      <c r="E1116" s="7">
        <f t="shared" si="35"/>
        <v>-6.2465507283578262E-2</v>
      </c>
      <c r="H1116" s="8"/>
      <c r="S1116" s="8"/>
    </row>
    <row r="1117" spans="1:19">
      <c r="A1117" s="6">
        <v>1118</v>
      </c>
      <c r="B1117" s="6">
        <v>76959</v>
      </c>
      <c r="C1117" s="6">
        <v>81269</v>
      </c>
      <c r="D1117" s="6">
        <f t="shared" si="34"/>
        <v>-4310</v>
      </c>
      <c r="E1117" s="7">
        <f t="shared" si="35"/>
        <v>-5.6003846203822816E-2</v>
      </c>
      <c r="H1117" s="8"/>
      <c r="S1117" s="8"/>
    </row>
    <row r="1118" spans="1:19">
      <c r="A1118" s="6">
        <v>1119</v>
      </c>
      <c r="B1118" s="6">
        <v>78520</v>
      </c>
      <c r="C1118" s="6">
        <v>84707</v>
      </c>
      <c r="D1118" s="6">
        <f t="shared" si="34"/>
        <v>-6187</v>
      </c>
      <c r="E1118" s="7">
        <f t="shared" si="35"/>
        <v>-7.8795211411105445E-2</v>
      </c>
      <c r="H1118" s="8"/>
      <c r="S1118" s="8"/>
    </row>
    <row r="1119" spans="1:19">
      <c r="A1119" s="6">
        <v>1120</v>
      </c>
      <c r="B1119" s="6">
        <v>80500</v>
      </c>
      <c r="C1119" s="6">
        <v>83019</v>
      </c>
      <c r="D1119" s="6">
        <f t="shared" si="34"/>
        <v>-2519</v>
      </c>
      <c r="E1119" s="7">
        <f t="shared" si="35"/>
        <v>-3.1291925465838512E-2</v>
      </c>
      <c r="H1119" s="8"/>
      <c r="S1119" s="8"/>
    </row>
    <row r="1120" spans="1:19">
      <c r="A1120" s="6">
        <v>1121</v>
      </c>
      <c r="B1120" s="6">
        <v>79462</v>
      </c>
      <c r="C1120" s="6">
        <v>83289</v>
      </c>
      <c r="D1120" s="6">
        <f t="shared" si="34"/>
        <v>-3827</v>
      </c>
      <c r="E1120" s="7">
        <f t="shared" si="35"/>
        <v>-4.8161385316251797E-2</v>
      </c>
      <c r="H1120" s="8"/>
      <c r="S1120" s="8"/>
    </row>
    <row r="1121" spans="1:19">
      <c r="A1121" s="6">
        <v>1122</v>
      </c>
      <c r="B1121" s="6">
        <v>79182</v>
      </c>
      <c r="C1121" s="6">
        <v>83762</v>
      </c>
      <c r="D1121" s="6">
        <f t="shared" si="34"/>
        <v>-4580</v>
      </c>
      <c r="E1121" s="7">
        <f t="shared" si="35"/>
        <v>-5.7841428607511805E-2</v>
      </c>
      <c r="H1121" s="8"/>
      <c r="S1121" s="8"/>
    </row>
    <row r="1122" spans="1:19">
      <c r="A1122" s="6">
        <v>1123</v>
      </c>
      <c r="B1122" s="6">
        <v>80121</v>
      </c>
      <c r="C1122" s="6">
        <v>85389</v>
      </c>
      <c r="D1122" s="6">
        <f t="shared" si="34"/>
        <v>-5268</v>
      </c>
      <c r="E1122" s="7">
        <f t="shared" si="35"/>
        <v>-6.5750552289661882E-2</v>
      </c>
      <c r="H1122" s="8"/>
      <c r="S1122" s="8"/>
    </row>
    <row r="1123" spans="1:19">
      <c r="A1123" s="6">
        <v>1124</v>
      </c>
      <c r="B1123" s="6">
        <v>79090</v>
      </c>
      <c r="C1123" s="6">
        <v>84017</v>
      </c>
      <c r="D1123" s="6">
        <f t="shared" si="34"/>
        <v>-4927</v>
      </c>
      <c r="E1123" s="7">
        <f t="shared" si="35"/>
        <v>-6.2296118346187888E-2</v>
      </c>
      <c r="H1123" s="8"/>
      <c r="S1123" s="8"/>
    </row>
    <row r="1124" spans="1:19">
      <c r="A1124" s="6">
        <v>1125</v>
      </c>
      <c r="B1124" s="6">
        <v>79325</v>
      </c>
      <c r="C1124" s="6">
        <v>81617</v>
      </c>
      <c r="D1124" s="6">
        <f t="shared" si="34"/>
        <v>-2292</v>
      </c>
      <c r="E1124" s="7">
        <f t="shared" si="35"/>
        <v>-2.8893791364639144E-2</v>
      </c>
      <c r="H1124" s="8"/>
      <c r="S1124" s="8"/>
    </row>
    <row r="1125" spans="1:19">
      <c r="A1125" s="6">
        <v>1126</v>
      </c>
      <c r="B1125" s="6">
        <v>78884</v>
      </c>
      <c r="C1125" s="6">
        <v>83033</v>
      </c>
      <c r="D1125" s="6">
        <f t="shared" si="34"/>
        <v>-4149</v>
      </c>
      <c r="E1125" s="7">
        <f t="shared" si="35"/>
        <v>-5.2596217230363569E-2</v>
      </c>
      <c r="H1125" s="8"/>
      <c r="S1125" s="8"/>
    </row>
    <row r="1126" spans="1:19">
      <c r="A1126" s="6">
        <v>1127</v>
      </c>
      <c r="B1126" s="6">
        <v>77719</v>
      </c>
      <c r="C1126" s="6">
        <v>82054</v>
      </c>
      <c r="D1126" s="6">
        <f t="shared" si="34"/>
        <v>-4335</v>
      </c>
      <c r="E1126" s="7">
        <f t="shared" si="35"/>
        <v>-5.5777866416191667E-2</v>
      </c>
      <c r="H1126" s="8"/>
      <c r="S1126" s="8"/>
    </row>
    <row r="1127" spans="1:19">
      <c r="A1127" s="6">
        <v>1128</v>
      </c>
      <c r="B1127" s="6">
        <v>78262</v>
      </c>
      <c r="C1127" s="6">
        <v>85010</v>
      </c>
      <c r="D1127" s="6">
        <f t="shared" si="34"/>
        <v>-6748</v>
      </c>
      <c r="E1127" s="7">
        <f t="shared" si="35"/>
        <v>-8.6223198998236689E-2</v>
      </c>
      <c r="H1127" s="8"/>
      <c r="S1127" s="8"/>
    </row>
    <row r="1128" spans="1:19">
      <c r="A1128" s="6">
        <v>1129</v>
      </c>
      <c r="B1128" s="6">
        <v>77499</v>
      </c>
      <c r="C1128" s="6">
        <v>85018</v>
      </c>
      <c r="D1128" s="6">
        <f t="shared" si="34"/>
        <v>-7519</v>
      </c>
      <c r="E1128" s="7">
        <f t="shared" si="35"/>
        <v>-9.7020606717506036E-2</v>
      </c>
      <c r="H1128" s="8"/>
      <c r="S1128" s="8"/>
    </row>
    <row r="1129" spans="1:19">
      <c r="A1129" s="6">
        <v>1130</v>
      </c>
      <c r="B1129" s="6">
        <v>79313</v>
      </c>
      <c r="C1129" s="6">
        <v>85430</v>
      </c>
      <c r="D1129" s="6">
        <f t="shared" si="34"/>
        <v>-6117</v>
      </c>
      <c r="E1129" s="7">
        <f t="shared" si="35"/>
        <v>-7.7124809299862568E-2</v>
      </c>
      <c r="H1129" s="8"/>
      <c r="S1129" s="8"/>
    </row>
    <row r="1130" spans="1:19">
      <c r="A1130" s="6">
        <v>1131</v>
      </c>
      <c r="B1130" s="6">
        <v>77416</v>
      </c>
      <c r="C1130" s="6">
        <v>86149</v>
      </c>
      <c r="D1130" s="6">
        <f t="shared" si="34"/>
        <v>-8733</v>
      </c>
      <c r="E1130" s="7">
        <f t="shared" si="35"/>
        <v>-0.11280613826599152</v>
      </c>
      <c r="H1130" s="8"/>
      <c r="S1130" s="8"/>
    </row>
    <row r="1131" spans="1:19">
      <c r="A1131" s="6">
        <v>1132</v>
      </c>
      <c r="B1131" s="6">
        <v>79082</v>
      </c>
      <c r="C1131" s="6">
        <v>85131</v>
      </c>
      <c r="D1131" s="6">
        <f t="shared" si="34"/>
        <v>-6049</v>
      </c>
      <c r="E1131" s="7">
        <f t="shared" si="35"/>
        <v>-7.6490225335727469E-2</v>
      </c>
      <c r="H1131" s="8"/>
      <c r="S1131" s="8"/>
    </row>
    <row r="1132" spans="1:19">
      <c r="A1132" s="6">
        <v>1133</v>
      </c>
      <c r="B1132" s="6">
        <v>77251</v>
      </c>
      <c r="C1132" s="6">
        <v>82643</v>
      </c>
      <c r="D1132" s="6">
        <f t="shared" si="34"/>
        <v>-5392</v>
      </c>
      <c r="E1132" s="7">
        <f t="shared" si="35"/>
        <v>-6.9798449211013455E-2</v>
      </c>
      <c r="H1132" s="8"/>
      <c r="S1132" s="8"/>
    </row>
    <row r="1133" spans="1:19">
      <c r="A1133" s="6">
        <v>1134</v>
      </c>
      <c r="B1133" s="6">
        <v>78727</v>
      </c>
      <c r="C1133" s="6">
        <v>82922</v>
      </c>
      <c r="D1133" s="6">
        <f t="shared" si="34"/>
        <v>-4195</v>
      </c>
      <c r="E1133" s="7">
        <f t="shared" si="35"/>
        <v>-5.3285403991006897E-2</v>
      </c>
      <c r="H1133" s="8"/>
      <c r="S1133" s="8"/>
    </row>
    <row r="1134" spans="1:19">
      <c r="A1134" s="6">
        <v>1135</v>
      </c>
      <c r="B1134" s="6">
        <v>79343</v>
      </c>
      <c r="C1134" s="6">
        <v>83875</v>
      </c>
      <c r="D1134" s="6">
        <f t="shared" si="34"/>
        <v>-4532</v>
      </c>
      <c r="E1134" s="7">
        <f t="shared" si="35"/>
        <v>-5.7119090530985718E-2</v>
      </c>
      <c r="H1134" s="8"/>
      <c r="S1134" s="8"/>
    </row>
    <row r="1135" spans="1:19">
      <c r="A1135" s="6">
        <v>1136</v>
      </c>
      <c r="B1135" s="6">
        <v>78804</v>
      </c>
      <c r="C1135" s="6">
        <v>84413</v>
      </c>
      <c r="D1135" s="6">
        <f t="shared" si="34"/>
        <v>-5609</v>
      </c>
      <c r="E1135" s="7">
        <f t="shared" si="35"/>
        <v>-7.1176590020811129E-2</v>
      </c>
      <c r="H1135" s="8"/>
      <c r="S1135" s="8"/>
    </row>
    <row r="1136" spans="1:19">
      <c r="A1136" s="6">
        <v>1137</v>
      </c>
      <c r="B1136" s="6">
        <v>79878</v>
      </c>
      <c r="C1136" s="6">
        <v>85228</v>
      </c>
      <c r="D1136" s="6">
        <f t="shared" si="34"/>
        <v>-5350</v>
      </c>
      <c r="E1136" s="7">
        <f t="shared" si="35"/>
        <v>-6.6977140138711533E-2</v>
      </c>
      <c r="H1136" s="8"/>
      <c r="S1136" s="8"/>
    </row>
    <row r="1137" spans="1:19">
      <c r="A1137" s="6">
        <v>1138</v>
      </c>
      <c r="B1137" s="6">
        <v>77772</v>
      </c>
      <c r="C1137" s="6">
        <v>85203</v>
      </c>
      <c r="D1137" s="6">
        <f t="shared" si="34"/>
        <v>-7431</v>
      </c>
      <c r="E1137" s="7">
        <f t="shared" si="35"/>
        <v>-9.5548526461965752E-2</v>
      </c>
      <c r="H1137" s="8"/>
      <c r="S1137" s="8"/>
    </row>
    <row r="1138" spans="1:19">
      <c r="A1138" s="6">
        <v>1139</v>
      </c>
      <c r="B1138" s="6">
        <v>77940</v>
      </c>
      <c r="C1138" s="6">
        <v>84022</v>
      </c>
      <c r="D1138" s="6">
        <f t="shared" si="34"/>
        <v>-6082</v>
      </c>
      <c r="E1138" s="7">
        <f t="shared" si="35"/>
        <v>-7.8034385424685659E-2</v>
      </c>
      <c r="H1138" s="8"/>
      <c r="S1138" s="8"/>
    </row>
    <row r="1139" spans="1:19">
      <c r="A1139" s="6">
        <v>1140</v>
      </c>
      <c r="B1139" s="6">
        <v>80879</v>
      </c>
      <c r="C1139" s="6">
        <v>83720</v>
      </c>
      <c r="D1139" s="6">
        <f t="shared" si="34"/>
        <v>-2841</v>
      </c>
      <c r="E1139" s="7">
        <f t="shared" si="35"/>
        <v>-3.5126547064132839E-2</v>
      </c>
      <c r="H1139" s="8"/>
      <c r="S1139" s="8"/>
    </row>
    <row r="1140" spans="1:19">
      <c r="A1140" s="6">
        <v>1141</v>
      </c>
      <c r="B1140" s="6">
        <v>77454</v>
      </c>
      <c r="C1140" s="6">
        <v>85812</v>
      </c>
      <c r="D1140" s="6">
        <f t="shared" si="34"/>
        <v>-8358</v>
      </c>
      <c r="E1140" s="7">
        <f t="shared" si="35"/>
        <v>-0.10790921062824387</v>
      </c>
      <c r="H1140" s="8"/>
      <c r="S1140" s="8"/>
    </row>
    <row r="1141" spans="1:19">
      <c r="A1141" s="6">
        <v>1142</v>
      </c>
      <c r="B1141" s="6">
        <v>77553</v>
      </c>
      <c r="C1141" s="6">
        <v>87012</v>
      </c>
      <c r="D1141" s="6">
        <f t="shared" si="34"/>
        <v>-9459</v>
      </c>
      <c r="E1141" s="7">
        <f t="shared" si="35"/>
        <v>-0.12196820239062318</v>
      </c>
      <c r="H1141" s="8"/>
      <c r="S1141" s="8"/>
    </row>
    <row r="1142" spans="1:19">
      <c r="A1142" s="6">
        <v>1143</v>
      </c>
      <c r="B1142" s="6">
        <v>79429</v>
      </c>
      <c r="C1142" s="6">
        <v>84903</v>
      </c>
      <c r="D1142" s="6">
        <f t="shared" si="34"/>
        <v>-5474</v>
      </c>
      <c r="E1142" s="7">
        <f t="shared" si="35"/>
        <v>-6.891689433330396E-2</v>
      </c>
      <c r="H1142" s="8"/>
      <c r="S1142" s="8"/>
    </row>
    <row r="1143" spans="1:19">
      <c r="A1143" s="6">
        <v>1144</v>
      </c>
      <c r="B1143" s="6">
        <v>78151</v>
      </c>
      <c r="C1143" s="6">
        <v>86816</v>
      </c>
      <c r="D1143" s="6">
        <f t="shared" si="34"/>
        <v>-8665</v>
      </c>
      <c r="E1143" s="7">
        <f t="shared" si="35"/>
        <v>-0.11087510076646492</v>
      </c>
      <c r="H1143" s="8"/>
      <c r="S1143" s="8"/>
    </row>
    <row r="1144" spans="1:19">
      <c r="A1144" s="6">
        <v>1145</v>
      </c>
      <c r="B1144" s="6">
        <v>77937</v>
      </c>
      <c r="C1144" s="6">
        <v>86836</v>
      </c>
      <c r="D1144" s="6">
        <f t="shared" si="34"/>
        <v>-8899</v>
      </c>
      <c r="E1144" s="7">
        <f t="shared" si="35"/>
        <v>-0.11418196748655966</v>
      </c>
      <c r="H1144" s="8"/>
      <c r="S1144" s="8"/>
    </row>
    <row r="1145" spans="1:19">
      <c r="A1145" s="6">
        <v>1146</v>
      </c>
      <c r="B1145" s="6">
        <v>77577</v>
      </c>
      <c r="C1145" s="6">
        <v>86346</v>
      </c>
      <c r="D1145" s="6">
        <f t="shared" si="34"/>
        <v>-8769</v>
      </c>
      <c r="E1145" s="7">
        <f t="shared" si="35"/>
        <v>-0.11303608028152674</v>
      </c>
      <c r="H1145" s="8"/>
      <c r="S1145" s="8"/>
    </row>
    <row r="1146" spans="1:19">
      <c r="A1146" s="6">
        <v>1147</v>
      </c>
      <c r="B1146" s="6">
        <v>79132</v>
      </c>
      <c r="C1146" s="6">
        <v>85754</v>
      </c>
      <c r="D1146" s="6">
        <f t="shared" si="34"/>
        <v>-6622</v>
      </c>
      <c r="E1146" s="7">
        <f t="shared" si="35"/>
        <v>-8.3682960117272401E-2</v>
      </c>
      <c r="H1146" s="8"/>
      <c r="S1146" s="8"/>
    </row>
    <row r="1147" spans="1:19">
      <c r="A1147" s="6">
        <v>1148</v>
      </c>
      <c r="B1147" s="6">
        <v>77770</v>
      </c>
      <c r="C1147" s="6">
        <v>84795</v>
      </c>
      <c r="D1147" s="6">
        <f t="shared" si="34"/>
        <v>-7025</v>
      </c>
      <c r="E1147" s="7">
        <f t="shared" si="35"/>
        <v>-9.0330461617590327E-2</v>
      </c>
      <c r="H1147" s="8"/>
      <c r="S1147" s="8"/>
    </row>
    <row r="1148" spans="1:19">
      <c r="A1148" s="6">
        <v>1149</v>
      </c>
      <c r="B1148" s="6">
        <v>77287</v>
      </c>
      <c r="C1148" s="6">
        <v>84445</v>
      </c>
      <c r="D1148" s="6">
        <f t="shared" si="34"/>
        <v>-7158</v>
      </c>
      <c r="E1148" s="7">
        <f t="shared" si="35"/>
        <v>-9.2615834487041804E-2</v>
      </c>
      <c r="H1148" s="8"/>
      <c r="S1148" s="8"/>
    </row>
    <row r="1149" spans="1:19">
      <c r="A1149" s="6">
        <v>1150</v>
      </c>
      <c r="B1149" s="6">
        <v>77933</v>
      </c>
      <c r="C1149" s="6">
        <v>85332</v>
      </c>
      <c r="D1149" s="6">
        <f t="shared" si="34"/>
        <v>-7399</v>
      </c>
      <c r="E1149" s="7">
        <f t="shared" si="35"/>
        <v>-9.4940525836295281E-2</v>
      </c>
      <c r="H1149" s="8"/>
      <c r="S1149" s="8"/>
    </row>
    <row r="1150" spans="1:19">
      <c r="A1150" s="6">
        <v>1151</v>
      </c>
      <c r="B1150" s="6">
        <v>80133</v>
      </c>
      <c r="C1150" s="6">
        <v>85520</v>
      </c>
      <c r="D1150" s="6">
        <f t="shared" si="34"/>
        <v>-5387</v>
      </c>
      <c r="E1150" s="7">
        <f t="shared" si="35"/>
        <v>-6.7225737211885239E-2</v>
      </c>
      <c r="H1150" s="8"/>
      <c r="S1150" s="8"/>
    </row>
    <row r="1151" spans="1:19">
      <c r="A1151" s="6">
        <v>1152</v>
      </c>
      <c r="B1151" s="6">
        <v>70586</v>
      </c>
      <c r="C1151" s="6">
        <v>70567</v>
      </c>
      <c r="D1151" s="6">
        <f t="shared" si="34"/>
        <v>19</v>
      </c>
      <c r="E1151" s="7">
        <f t="shared" si="35"/>
        <v>2.6917519054770069E-4</v>
      </c>
      <c r="H1151" s="8"/>
      <c r="S1151" s="8"/>
    </row>
    <row r="1152" spans="1:19">
      <c r="A1152" s="6">
        <v>1153</v>
      </c>
      <c r="B1152" s="6">
        <v>91274</v>
      </c>
      <c r="C1152" s="6">
        <v>80189</v>
      </c>
      <c r="D1152" s="6">
        <f t="shared" si="34"/>
        <v>11085</v>
      </c>
      <c r="E1152" s="7">
        <f t="shared" si="35"/>
        <v>0.12144750969607994</v>
      </c>
      <c r="H1152" s="8"/>
      <c r="S1152" s="8"/>
    </row>
    <row r="1153" spans="1:19">
      <c r="A1153" s="6">
        <v>1154</v>
      </c>
      <c r="B1153" s="6">
        <v>81840</v>
      </c>
      <c r="C1153" s="6">
        <v>80168</v>
      </c>
      <c r="D1153" s="6">
        <f t="shared" si="34"/>
        <v>1672</v>
      </c>
      <c r="E1153" s="7">
        <f t="shared" si="35"/>
        <v>2.0430107526881722E-2</v>
      </c>
      <c r="H1153" s="8"/>
      <c r="S1153" s="8"/>
    </row>
    <row r="1154" spans="1:19">
      <c r="A1154" s="6">
        <v>1155</v>
      </c>
      <c r="B1154" s="6">
        <v>81891</v>
      </c>
      <c r="C1154" s="6">
        <v>80197</v>
      </c>
      <c r="D1154" s="6">
        <f t="shared" si="34"/>
        <v>1694</v>
      </c>
      <c r="E1154" s="7">
        <f t="shared" si="35"/>
        <v>2.0686033874296322E-2</v>
      </c>
      <c r="H1154" s="8"/>
      <c r="S1154" s="8"/>
    </row>
    <row r="1155" spans="1:19">
      <c r="A1155" s="6">
        <v>1156</v>
      </c>
      <c r="B1155" s="6">
        <v>81528</v>
      </c>
      <c r="C1155" s="6">
        <v>79769</v>
      </c>
      <c r="D1155" s="6">
        <f t="shared" si="34"/>
        <v>1759</v>
      </c>
      <c r="E1155" s="7">
        <f t="shared" si="35"/>
        <v>2.1575409675203612E-2</v>
      </c>
      <c r="H1155" s="8"/>
      <c r="S1155" s="8"/>
    </row>
    <row r="1156" spans="1:19">
      <c r="A1156" s="6">
        <v>1157</v>
      </c>
      <c r="B1156" s="6">
        <v>81008</v>
      </c>
      <c r="C1156" s="6">
        <v>79335</v>
      </c>
      <c r="D1156" s="6">
        <f t="shared" ref="D1156:D1219" si="36">B1156-C1156</f>
        <v>1673</v>
      </c>
      <c r="E1156" s="7">
        <f t="shared" ref="E1156:E1219" si="37">D1156/B1156</f>
        <v>2.0652281256172231E-2</v>
      </c>
      <c r="H1156" s="8"/>
      <c r="S1156" s="8"/>
    </row>
    <row r="1157" spans="1:19">
      <c r="A1157" s="6">
        <v>1158</v>
      </c>
      <c r="B1157" s="6">
        <v>81418</v>
      </c>
      <c r="C1157" s="6">
        <v>79764</v>
      </c>
      <c r="D1157" s="6">
        <f t="shared" si="36"/>
        <v>1654</v>
      </c>
      <c r="E1157" s="7">
        <f t="shared" si="37"/>
        <v>2.0314918077083691E-2</v>
      </c>
      <c r="H1157" s="8"/>
      <c r="S1157" s="8"/>
    </row>
    <row r="1158" spans="1:19">
      <c r="A1158" s="6">
        <v>1159</v>
      </c>
      <c r="B1158" s="6">
        <v>81408</v>
      </c>
      <c r="C1158" s="6">
        <v>79746</v>
      </c>
      <c r="D1158" s="6">
        <f t="shared" si="36"/>
        <v>1662</v>
      </c>
      <c r="E1158" s="7">
        <f t="shared" si="37"/>
        <v>2.0415683962264151E-2</v>
      </c>
      <c r="H1158" s="8"/>
      <c r="S1158" s="8"/>
    </row>
    <row r="1159" spans="1:19">
      <c r="A1159" s="6">
        <v>1160</v>
      </c>
      <c r="B1159" s="6">
        <v>81475</v>
      </c>
      <c r="C1159" s="6">
        <v>81427</v>
      </c>
      <c r="D1159" s="6">
        <f t="shared" si="36"/>
        <v>48</v>
      </c>
      <c r="E1159" s="7">
        <f t="shared" si="37"/>
        <v>5.8913777232279837E-4</v>
      </c>
      <c r="H1159" s="8"/>
      <c r="S1159" s="8"/>
    </row>
    <row r="1160" spans="1:19">
      <c r="A1160" s="6">
        <v>1161</v>
      </c>
      <c r="B1160" s="6">
        <v>81011</v>
      </c>
      <c r="C1160" s="6">
        <v>81024</v>
      </c>
      <c r="D1160" s="6">
        <f t="shared" si="36"/>
        <v>-13</v>
      </c>
      <c r="E1160" s="7">
        <f t="shared" si="37"/>
        <v>-1.6047203466195949E-4</v>
      </c>
      <c r="H1160" s="8"/>
      <c r="S1160" s="8"/>
    </row>
    <row r="1161" spans="1:19">
      <c r="A1161" s="6">
        <v>1162</v>
      </c>
      <c r="B1161" s="6">
        <v>81023</v>
      </c>
      <c r="C1161" s="6">
        <v>81133</v>
      </c>
      <c r="D1161" s="6">
        <f t="shared" si="36"/>
        <v>-110</v>
      </c>
      <c r="E1161" s="7">
        <f t="shared" si="37"/>
        <v>-1.3576391888722955E-3</v>
      </c>
      <c r="H1161" s="8"/>
      <c r="S1161" s="8"/>
    </row>
    <row r="1162" spans="1:19">
      <c r="A1162" s="6">
        <v>1163</v>
      </c>
      <c r="B1162" s="6">
        <v>81063</v>
      </c>
      <c r="C1162" s="6">
        <v>81002</v>
      </c>
      <c r="D1162" s="6">
        <f t="shared" si="36"/>
        <v>61</v>
      </c>
      <c r="E1162" s="7">
        <f t="shared" si="37"/>
        <v>7.5250114108779589E-4</v>
      </c>
      <c r="H1162" s="8"/>
      <c r="S1162" s="8"/>
    </row>
    <row r="1163" spans="1:19">
      <c r="A1163" s="6">
        <v>1164</v>
      </c>
      <c r="B1163" s="6">
        <v>81073</v>
      </c>
      <c r="C1163" s="6">
        <v>80812</v>
      </c>
      <c r="D1163" s="6">
        <f t="shared" si="36"/>
        <v>261</v>
      </c>
      <c r="E1163" s="7">
        <f t="shared" si="37"/>
        <v>3.2193208589789447E-3</v>
      </c>
      <c r="H1163" s="8"/>
      <c r="S1163" s="8"/>
    </row>
    <row r="1164" spans="1:19">
      <c r="A1164" s="6">
        <v>1165</v>
      </c>
      <c r="B1164" s="6">
        <v>80647</v>
      </c>
      <c r="C1164" s="6">
        <v>80173</v>
      </c>
      <c r="D1164" s="6">
        <f t="shared" si="36"/>
        <v>474</v>
      </c>
      <c r="E1164" s="7">
        <f t="shared" si="37"/>
        <v>5.8774659937753417E-3</v>
      </c>
      <c r="H1164" s="8"/>
      <c r="S1164" s="8"/>
    </row>
    <row r="1165" spans="1:19">
      <c r="A1165" s="6">
        <v>1166</v>
      </c>
      <c r="B1165" s="6">
        <v>80645</v>
      </c>
      <c r="C1165" s="6">
        <v>80593</v>
      </c>
      <c r="D1165" s="6">
        <f t="shared" si="36"/>
        <v>52</v>
      </c>
      <c r="E1165" s="7">
        <f t="shared" si="37"/>
        <v>6.4480128960257919E-4</v>
      </c>
      <c r="H1165" s="8"/>
      <c r="S1165" s="8"/>
    </row>
    <row r="1166" spans="1:19">
      <c r="A1166" s="6">
        <v>1167</v>
      </c>
      <c r="B1166" s="6">
        <v>80593</v>
      </c>
      <c r="C1166" s="6">
        <v>80575</v>
      </c>
      <c r="D1166" s="6">
        <f t="shared" si="36"/>
        <v>18</v>
      </c>
      <c r="E1166" s="7">
        <f t="shared" si="37"/>
        <v>2.233444591962081E-4</v>
      </c>
      <c r="H1166" s="8"/>
      <c r="S1166" s="8"/>
    </row>
    <row r="1167" spans="1:19">
      <c r="A1167" s="6">
        <v>1168</v>
      </c>
      <c r="B1167" s="6">
        <v>81425</v>
      </c>
      <c r="C1167" s="6">
        <v>84402</v>
      </c>
      <c r="D1167" s="6">
        <f t="shared" si="36"/>
        <v>-2977</v>
      </c>
      <c r="E1167" s="7">
        <f t="shared" si="37"/>
        <v>-3.6561252686521335E-2</v>
      </c>
      <c r="H1167" s="8"/>
      <c r="S1167" s="8"/>
    </row>
    <row r="1168" spans="1:19">
      <c r="A1168" s="6">
        <v>1169</v>
      </c>
      <c r="B1168" s="6">
        <v>80991</v>
      </c>
      <c r="C1168" s="6">
        <v>83926</v>
      </c>
      <c r="D1168" s="6">
        <f t="shared" si="36"/>
        <v>-2935</v>
      </c>
      <c r="E1168" s="7">
        <f t="shared" si="37"/>
        <v>-3.6238594411724757E-2</v>
      </c>
      <c r="H1168" s="8"/>
      <c r="S1168" s="8"/>
    </row>
    <row r="1169" spans="1:19">
      <c r="A1169" s="6">
        <v>1170</v>
      </c>
      <c r="B1169" s="6">
        <v>81062</v>
      </c>
      <c r="C1169" s="6">
        <v>83961</v>
      </c>
      <c r="D1169" s="6">
        <f t="shared" si="36"/>
        <v>-2899</v>
      </c>
      <c r="E1169" s="7">
        <f t="shared" si="37"/>
        <v>-3.5762749500382426E-2</v>
      </c>
      <c r="H1169" s="8"/>
      <c r="S1169" s="8"/>
    </row>
    <row r="1170" spans="1:19">
      <c r="A1170" s="6">
        <v>1171</v>
      </c>
      <c r="B1170" s="6">
        <v>81018</v>
      </c>
      <c r="C1170" s="6">
        <v>83947</v>
      </c>
      <c r="D1170" s="6">
        <f t="shared" si="36"/>
        <v>-2929</v>
      </c>
      <c r="E1170" s="7">
        <f t="shared" si="37"/>
        <v>-3.6152459947172234E-2</v>
      </c>
      <c r="H1170" s="8"/>
      <c r="S1170" s="8"/>
    </row>
    <row r="1171" spans="1:19">
      <c r="A1171" s="6">
        <v>1172</v>
      </c>
      <c r="B1171" s="6">
        <v>81059</v>
      </c>
      <c r="C1171" s="6">
        <v>83598</v>
      </c>
      <c r="D1171" s="6">
        <f t="shared" si="36"/>
        <v>-2539</v>
      </c>
      <c r="E1171" s="7">
        <f t="shared" si="37"/>
        <v>-3.1322863593185209E-2</v>
      </c>
      <c r="H1171" s="8"/>
      <c r="S1171" s="8"/>
    </row>
    <row r="1172" spans="1:19">
      <c r="A1172" s="6">
        <v>1173</v>
      </c>
      <c r="B1172" s="6">
        <v>80581</v>
      </c>
      <c r="C1172" s="6">
        <v>83105</v>
      </c>
      <c r="D1172" s="6">
        <f t="shared" si="36"/>
        <v>-2524</v>
      </c>
      <c r="E1172" s="7">
        <f t="shared" si="37"/>
        <v>-3.1322520197068791E-2</v>
      </c>
      <c r="H1172" s="8"/>
      <c r="S1172" s="8"/>
    </row>
    <row r="1173" spans="1:19">
      <c r="A1173" s="6">
        <v>1174</v>
      </c>
      <c r="B1173" s="6">
        <v>80593</v>
      </c>
      <c r="C1173" s="6">
        <v>83503</v>
      </c>
      <c r="D1173" s="6">
        <f t="shared" si="36"/>
        <v>-2910</v>
      </c>
      <c r="E1173" s="7">
        <f t="shared" si="37"/>
        <v>-3.6107354236720311E-2</v>
      </c>
      <c r="H1173" s="8"/>
      <c r="S1173" s="8"/>
    </row>
    <row r="1174" spans="1:19">
      <c r="A1174" s="6">
        <v>1175</v>
      </c>
      <c r="B1174" s="6">
        <v>80609</v>
      </c>
      <c r="C1174" s="6">
        <v>83522</v>
      </c>
      <c r="D1174" s="6">
        <f t="shared" si="36"/>
        <v>-2913</v>
      </c>
      <c r="E1174" s="7">
        <f t="shared" si="37"/>
        <v>-3.613740401195896E-2</v>
      </c>
      <c r="H1174" s="8"/>
      <c r="S1174" s="8"/>
    </row>
    <row r="1175" spans="1:19">
      <c r="A1175" s="6">
        <v>1176</v>
      </c>
      <c r="B1175" s="6">
        <v>80603</v>
      </c>
      <c r="C1175" s="6">
        <v>85201</v>
      </c>
      <c r="D1175" s="6">
        <f t="shared" si="36"/>
        <v>-4598</v>
      </c>
      <c r="E1175" s="7">
        <f t="shared" si="37"/>
        <v>-5.7045023138096597E-2</v>
      </c>
      <c r="H1175" s="8"/>
      <c r="S1175" s="8"/>
    </row>
    <row r="1176" spans="1:19">
      <c r="A1176" s="6">
        <v>1177</v>
      </c>
      <c r="B1176" s="6">
        <v>80179</v>
      </c>
      <c r="C1176" s="6">
        <v>84790</v>
      </c>
      <c r="D1176" s="6">
        <f t="shared" si="36"/>
        <v>-4611</v>
      </c>
      <c r="E1176" s="7">
        <f t="shared" si="37"/>
        <v>-5.7508824006285937E-2</v>
      </c>
      <c r="H1176" s="8"/>
      <c r="S1176" s="8"/>
    </row>
    <row r="1177" spans="1:19">
      <c r="A1177" s="6">
        <v>1178</v>
      </c>
      <c r="B1177" s="6">
        <v>80896</v>
      </c>
      <c r="C1177" s="6">
        <v>84773</v>
      </c>
      <c r="D1177" s="6">
        <f t="shared" si="36"/>
        <v>-3877</v>
      </c>
      <c r="E1177" s="7">
        <f t="shared" si="37"/>
        <v>-4.7925731803797465E-2</v>
      </c>
      <c r="H1177" s="8"/>
      <c r="S1177" s="8"/>
    </row>
    <row r="1178" spans="1:19">
      <c r="A1178" s="6">
        <v>1179</v>
      </c>
      <c r="B1178" s="6">
        <v>80316</v>
      </c>
      <c r="C1178" s="6">
        <v>84782</v>
      </c>
      <c r="D1178" s="6">
        <f t="shared" si="36"/>
        <v>-4466</v>
      </c>
      <c r="E1178" s="7">
        <f t="shared" si="37"/>
        <v>-5.5605358832611189E-2</v>
      </c>
      <c r="H1178" s="8"/>
      <c r="S1178" s="8"/>
    </row>
    <row r="1179" spans="1:19">
      <c r="A1179" s="6">
        <v>1180</v>
      </c>
      <c r="B1179" s="6">
        <v>80648</v>
      </c>
      <c r="C1179" s="6">
        <v>84355</v>
      </c>
      <c r="D1179" s="6">
        <f t="shared" si="36"/>
        <v>-3707</v>
      </c>
      <c r="E1179" s="7">
        <f t="shared" si="37"/>
        <v>-4.5965182025592702E-2</v>
      </c>
      <c r="H1179" s="8"/>
      <c r="S1179" s="8"/>
    </row>
    <row r="1180" spans="1:19">
      <c r="A1180" s="6">
        <v>1181</v>
      </c>
      <c r="B1180" s="6">
        <v>80242</v>
      </c>
      <c r="C1180" s="6">
        <v>83953</v>
      </c>
      <c r="D1180" s="6">
        <f t="shared" si="36"/>
        <v>-3711</v>
      </c>
      <c r="E1180" s="7">
        <f t="shared" si="37"/>
        <v>-4.6247601006953964E-2</v>
      </c>
      <c r="H1180" s="8"/>
      <c r="S1180" s="8"/>
    </row>
    <row r="1181" spans="1:19">
      <c r="A1181" s="6">
        <v>1182</v>
      </c>
      <c r="B1181" s="6">
        <v>80180</v>
      </c>
      <c r="C1181" s="6">
        <v>84405</v>
      </c>
      <c r="D1181" s="6">
        <f t="shared" si="36"/>
        <v>-4225</v>
      </c>
      <c r="E1181" s="7">
        <f t="shared" si="37"/>
        <v>-5.2693938638064354E-2</v>
      </c>
      <c r="H1181" s="8"/>
      <c r="S1181" s="8"/>
    </row>
    <row r="1182" spans="1:19">
      <c r="A1182" s="6">
        <v>1183</v>
      </c>
      <c r="B1182" s="6">
        <v>80178</v>
      </c>
      <c r="C1182" s="6">
        <v>84556</v>
      </c>
      <c r="D1182" s="6">
        <f t="shared" si="36"/>
        <v>-4378</v>
      </c>
      <c r="E1182" s="7">
        <f t="shared" si="37"/>
        <v>-5.4603507196487815E-2</v>
      </c>
      <c r="H1182" s="8"/>
      <c r="S1182" s="8"/>
    </row>
    <row r="1183" spans="1:19">
      <c r="A1183" s="6">
        <v>1184</v>
      </c>
      <c r="B1183" s="6">
        <v>81851</v>
      </c>
      <c r="C1183" s="6">
        <v>86029</v>
      </c>
      <c r="D1183" s="6">
        <f t="shared" si="36"/>
        <v>-4178</v>
      </c>
      <c r="E1183" s="7">
        <f t="shared" si="37"/>
        <v>-5.1043970140865723E-2</v>
      </c>
      <c r="H1183" s="8"/>
      <c r="S1183" s="8"/>
    </row>
    <row r="1184" spans="1:19">
      <c r="A1184" s="6">
        <v>1185</v>
      </c>
      <c r="B1184" s="6">
        <v>81439</v>
      </c>
      <c r="C1184" s="6">
        <v>85624</v>
      </c>
      <c r="D1184" s="6">
        <f t="shared" si="36"/>
        <v>-4185</v>
      </c>
      <c r="E1184" s="7">
        <f t="shared" si="37"/>
        <v>-5.1388155552008249E-2</v>
      </c>
      <c r="H1184" s="8"/>
      <c r="S1184" s="8"/>
    </row>
    <row r="1185" spans="1:19">
      <c r="A1185" s="6">
        <v>1186</v>
      </c>
      <c r="B1185" s="6">
        <v>81425</v>
      </c>
      <c r="C1185" s="6">
        <v>85622</v>
      </c>
      <c r="D1185" s="6">
        <f t="shared" si="36"/>
        <v>-4197</v>
      </c>
      <c r="E1185" s="7">
        <f t="shared" si="37"/>
        <v>-5.1544365980964076E-2</v>
      </c>
      <c r="H1185" s="8"/>
      <c r="S1185" s="8"/>
    </row>
    <row r="1186" spans="1:19">
      <c r="A1186" s="6">
        <v>1187</v>
      </c>
      <c r="B1186" s="6">
        <v>81458</v>
      </c>
      <c r="C1186" s="6">
        <v>85662</v>
      </c>
      <c r="D1186" s="6">
        <f t="shared" si="36"/>
        <v>-4204</v>
      </c>
      <c r="E1186" s="7">
        <f t="shared" si="37"/>
        <v>-5.1609418350561029E-2</v>
      </c>
      <c r="H1186" s="8"/>
      <c r="S1186" s="8"/>
    </row>
    <row r="1187" spans="1:19">
      <c r="A1187" s="6">
        <v>1188</v>
      </c>
      <c r="B1187" s="6">
        <v>81918</v>
      </c>
      <c r="C1187" s="6">
        <v>85188</v>
      </c>
      <c r="D1187" s="6">
        <f t="shared" si="36"/>
        <v>-3270</v>
      </c>
      <c r="E1187" s="7">
        <f t="shared" si="37"/>
        <v>-3.9917966747235037E-2</v>
      </c>
      <c r="H1187" s="8"/>
      <c r="S1187" s="8"/>
    </row>
    <row r="1188" spans="1:19">
      <c r="A1188" s="6">
        <v>1189</v>
      </c>
      <c r="B1188" s="6">
        <v>80581</v>
      </c>
      <c r="C1188" s="6">
        <v>84757</v>
      </c>
      <c r="D1188" s="6">
        <f t="shared" si="36"/>
        <v>-4176</v>
      </c>
      <c r="E1188" s="7">
        <f t="shared" si="37"/>
        <v>-5.1823630880728708E-2</v>
      </c>
      <c r="H1188" s="8"/>
      <c r="S1188" s="8"/>
    </row>
    <row r="1189" spans="1:19">
      <c r="A1189" s="6">
        <v>1190</v>
      </c>
      <c r="B1189" s="6">
        <v>81057</v>
      </c>
      <c r="C1189" s="6">
        <v>85180</v>
      </c>
      <c r="D1189" s="6">
        <f t="shared" si="36"/>
        <v>-4123</v>
      </c>
      <c r="E1189" s="7">
        <f t="shared" si="37"/>
        <v>-5.0865440369122966E-2</v>
      </c>
      <c r="H1189" s="8"/>
      <c r="S1189" s="8"/>
    </row>
    <row r="1190" spans="1:19">
      <c r="A1190" s="6">
        <v>1191</v>
      </c>
      <c r="B1190" s="6">
        <v>81019</v>
      </c>
      <c r="C1190" s="6">
        <v>85194</v>
      </c>
      <c r="D1190" s="6">
        <f t="shared" si="36"/>
        <v>-4175</v>
      </c>
      <c r="E1190" s="7">
        <f t="shared" si="37"/>
        <v>-5.1531122329330159E-2</v>
      </c>
      <c r="H1190" s="8"/>
      <c r="S1190" s="8"/>
    </row>
    <row r="1191" spans="1:19">
      <c r="A1191" s="6">
        <v>1192</v>
      </c>
      <c r="B1191" s="6">
        <v>81044</v>
      </c>
      <c r="C1191" s="6">
        <v>86926</v>
      </c>
      <c r="D1191" s="6">
        <f t="shared" si="36"/>
        <v>-5882</v>
      </c>
      <c r="E1191" s="7">
        <f t="shared" si="37"/>
        <v>-7.2577858940822276E-2</v>
      </c>
      <c r="H1191" s="8"/>
      <c r="S1191" s="8"/>
    </row>
    <row r="1192" spans="1:19">
      <c r="A1192" s="6">
        <v>1193</v>
      </c>
      <c r="B1192" s="6">
        <v>80656</v>
      </c>
      <c r="C1192" s="6">
        <v>87305</v>
      </c>
      <c r="D1192" s="6">
        <f t="shared" si="36"/>
        <v>-6649</v>
      </c>
      <c r="E1192" s="7">
        <f t="shared" si="37"/>
        <v>-8.243652053164055E-2</v>
      </c>
      <c r="H1192" s="8"/>
      <c r="S1192" s="8"/>
    </row>
    <row r="1193" spans="1:19">
      <c r="A1193" s="6">
        <v>1194</v>
      </c>
      <c r="B1193" s="6">
        <v>80607</v>
      </c>
      <c r="C1193" s="6">
        <v>86458</v>
      </c>
      <c r="D1193" s="6">
        <f t="shared" si="36"/>
        <v>-5851</v>
      </c>
      <c r="E1193" s="7">
        <f t="shared" si="37"/>
        <v>-7.2586748049176877E-2</v>
      </c>
      <c r="H1193" s="8"/>
      <c r="S1193" s="8"/>
    </row>
    <row r="1194" spans="1:19">
      <c r="A1194" s="6">
        <v>1195</v>
      </c>
      <c r="B1194" s="6">
        <v>80638</v>
      </c>
      <c r="C1194" s="6">
        <v>86499</v>
      </c>
      <c r="D1194" s="6">
        <f t="shared" si="36"/>
        <v>-5861</v>
      </c>
      <c r="E1194" s="7">
        <f t="shared" si="37"/>
        <v>-7.2682854237456282E-2</v>
      </c>
      <c r="H1194" s="8"/>
      <c r="S1194" s="8"/>
    </row>
    <row r="1195" spans="1:19">
      <c r="A1195" s="6">
        <v>1196</v>
      </c>
      <c r="B1195" s="6">
        <v>80602</v>
      </c>
      <c r="C1195" s="6">
        <v>86018</v>
      </c>
      <c r="D1195" s="6">
        <f t="shared" si="36"/>
        <v>-5416</v>
      </c>
      <c r="E1195" s="7">
        <f t="shared" si="37"/>
        <v>-6.7194362422768661E-2</v>
      </c>
      <c r="H1195" s="8"/>
      <c r="S1195" s="8"/>
    </row>
    <row r="1196" spans="1:19">
      <c r="A1196" s="6">
        <v>1197</v>
      </c>
      <c r="B1196" s="6">
        <v>80646</v>
      </c>
      <c r="C1196" s="6">
        <v>85772</v>
      </c>
      <c r="D1196" s="6">
        <f t="shared" si="36"/>
        <v>-5126</v>
      </c>
      <c r="E1196" s="7">
        <f t="shared" si="37"/>
        <v>-6.3561738957914837E-2</v>
      </c>
      <c r="H1196" s="8"/>
      <c r="S1196" s="8"/>
    </row>
    <row r="1197" spans="1:19">
      <c r="A1197" s="6">
        <v>1198</v>
      </c>
      <c r="B1197" s="6">
        <v>80183</v>
      </c>
      <c r="C1197" s="6">
        <v>86035</v>
      </c>
      <c r="D1197" s="6">
        <f t="shared" si="36"/>
        <v>-5852</v>
      </c>
      <c r="E1197" s="7">
        <f t="shared" si="37"/>
        <v>-7.2983051270219368E-2</v>
      </c>
      <c r="H1197" s="8"/>
      <c r="S1197" s="8"/>
    </row>
    <row r="1198" spans="1:19">
      <c r="A1198" s="6">
        <v>1199</v>
      </c>
      <c r="B1198" s="6">
        <v>80197</v>
      </c>
      <c r="C1198" s="6">
        <v>86065</v>
      </c>
      <c r="D1198" s="6">
        <f t="shared" si="36"/>
        <v>-5868</v>
      </c>
      <c r="E1198" s="7">
        <f t="shared" si="37"/>
        <v>-7.3169819319924681E-2</v>
      </c>
      <c r="H1198" s="8"/>
      <c r="S1198" s="8"/>
    </row>
    <row r="1199" spans="1:19">
      <c r="A1199" s="6">
        <v>1200</v>
      </c>
      <c r="B1199" s="6">
        <v>81483</v>
      </c>
      <c r="C1199" s="6">
        <v>87693</v>
      </c>
      <c r="D1199" s="6">
        <f t="shared" si="36"/>
        <v>-6210</v>
      </c>
      <c r="E1199" s="7">
        <f t="shared" si="37"/>
        <v>-7.6212216045064618E-2</v>
      </c>
      <c r="H1199" s="8"/>
      <c r="S1199" s="8"/>
    </row>
    <row r="1200" spans="1:19">
      <c r="A1200" s="6">
        <v>1201</v>
      </c>
      <c r="B1200" s="6">
        <v>81018</v>
      </c>
      <c r="C1200" s="6">
        <v>87265</v>
      </c>
      <c r="D1200" s="6">
        <f t="shared" si="36"/>
        <v>-6247</v>
      </c>
      <c r="E1200" s="7">
        <f t="shared" si="37"/>
        <v>-7.7106322051889706E-2</v>
      </c>
      <c r="H1200" s="8"/>
      <c r="S1200" s="8"/>
    </row>
    <row r="1201" spans="1:19">
      <c r="A1201" s="6">
        <v>1202</v>
      </c>
      <c r="B1201" s="6">
        <v>81163</v>
      </c>
      <c r="C1201" s="6">
        <v>88070</v>
      </c>
      <c r="D1201" s="6">
        <f t="shared" si="36"/>
        <v>-6907</v>
      </c>
      <c r="E1201" s="7">
        <f t="shared" si="37"/>
        <v>-8.5100353609403295E-2</v>
      </c>
      <c r="H1201" s="8"/>
      <c r="S1201" s="8"/>
    </row>
    <row r="1202" spans="1:19">
      <c r="A1202" s="6">
        <v>1203</v>
      </c>
      <c r="B1202" s="6">
        <v>81080</v>
      </c>
      <c r="C1202" s="6">
        <v>87258</v>
      </c>
      <c r="D1202" s="6">
        <f t="shared" si="36"/>
        <v>-6178</v>
      </c>
      <c r="E1202" s="7">
        <f t="shared" si="37"/>
        <v>-7.6196349284657128E-2</v>
      </c>
      <c r="H1202" s="8"/>
      <c r="S1202" s="8"/>
    </row>
    <row r="1203" spans="1:19">
      <c r="A1203" s="6">
        <v>1204</v>
      </c>
      <c r="B1203" s="6">
        <v>81220</v>
      </c>
      <c r="C1203" s="6">
        <v>86850</v>
      </c>
      <c r="D1203" s="6">
        <f t="shared" si="36"/>
        <v>-5630</v>
      </c>
      <c r="E1203" s="7">
        <f t="shared" si="37"/>
        <v>-6.9317901994582612E-2</v>
      </c>
      <c r="H1203" s="8"/>
      <c r="S1203" s="8"/>
    </row>
    <row r="1204" spans="1:19">
      <c r="A1204" s="6">
        <v>1205</v>
      </c>
      <c r="B1204" s="6">
        <v>80591</v>
      </c>
      <c r="C1204" s="6">
        <v>86444</v>
      </c>
      <c r="D1204" s="6">
        <f t="shared" si="36"/>
        <v>-5853</v>
      </c>
      <c r="E1204" s="7">
        <f t="shared" si="37"/>
        <v>-7.262597560521647E-2</v>
      </c>
      <c r="H1204" s="8"/>
      <c r="S1204" s="8"/>
    </row>
    <row r="1205" spans="1:19">
      <c r="A1205" s="6">
        <v>1206</v>
      </c>
      <c r="B1205" s="6">
        <v>80606</v>
      </c>
      <c r="C1205" s="6">
        <v>87552</v>
      </c>
      <c r="D1205" s="6">
        <f t="shared" si="36"/>
        <v>-6946</v>
      </c>
      <c r="E1205" s="7">
        <f t="shared" si="37"/>
        <v>-8.6172245242289655E-2</v>
      </c>
      <c r="H1205" s="8"/>
      <c r="S1205" s="8"/>
    </row>
    <row r="1206" spans="1:19">
      <c r="A1206" s="6">
        <v>1207</v>
      </c>
      <c r="B1206" s="6">
        <v>80620</v>
      </c>
      <c r="C1206" s="6">
        <v>86911</v>
      </c>
      <c r="D1206" s="6">
        <f t="shared" si="36"/>
        <v>-6291</v>
      </c>
      <c r="E1206" s="7">
        <f t="shared" si="37"/>
        <v>-7.8032746216819646E-2</v>
      </c>
      <c r="H1206" s="8"/>
      <c r="S1206" s="8"/>
    </row>
    <row r="1207" spans="1:19">
      <c r="A1207" s="6">
        <v>1208</v>
      </c>
      <c r="B1207" s="6">
        <v>81036</v>
      </c>
      <c r="C1207" s="6">
        <v>88526</v>
      </c>
      <c r="D1207" s="6">
        <f t="shared" si="36"/>
        <v>-7490</v>
      </c>
      <c r="E1207" s="7">
        <f t="shared" si="37"/>
        <v>-9.2428056666173056E-2</v>
      </c>
      <c r="H1207" s="8"/>
      <c r="S1207" s="8"/>
    </row>
    <row r="1208" spans="1:19">
      <c r="A1208" s="6">
        <v>1209</v>
      </c>
      <c r="B1208" s="6">
        <v>80597</v>
      </c>
      <c r="C1208" s="6">
        <v>88099</v>
      </c>
      <c r="D1208" s="6">
        <f t="shared" si="36"/>
        <v>-7502</v>
      </c>
      <c r="E1208" s="7">
        <f t="shared" si="37"/>
        <v>-9.3080387607479192E-2</v>
      </c>
      <c r="H1208" s="8"/>
      <c r="S1208" s="8"/>
    </row>
    <row r="1209" spans="1:19">
      <c r="A1209" s="6">
        <v>1210</v>
      </c>
      <c r="B1209" s="6">
        <v>80608</v>
      </c>
      <c r="C1209" s="6">
        <v>88095</v>
      </c>
      <c r="D1209" s="6">
        <f t="shared" si="36"/>
        <v>-7487</v>
      </c>
      <c r="E1209" s="7">
        <f t="shared" si="37"/>
        <v>-9.2881599841206822E-2</v>
      </c>
      <c r="H1209" s="8"/>
      <c r="S1209" s="8"/>
    </row>
    <row r="1210" spans="1:19">
      <c r="A1210" s="6">
        <v>1211</v>
      </c>
      <c r="B1210" s="6">
        <v>80604</v>
      </c>
      <c r="C1210" s="6">
        <v>88111</v>
      </c>
      <c r="D1210" s="6">
        <f t="shared" si="36"/>
        <v>-7507</v>
      </c>
      <c r="E1210" s="7">
        <f t="shared" si="37"/>
        <v>-9.3134335764974444E-2</v>
      </c>
      <c r="H1210" s="8"/>
      <c r="S1210" s="8"/>
    </row>
    <row r="1211" spans="1:19">
      <c r="A1211" s="6">
        <v>1212</v>
      </c>
      <c r="B1211" s="6">
        <v>80664</v>
      </c>
      <c r="C1211" s="6">
        <v>87708</v>
      </c>
      <c r="D1211" s="6">
        <f t="shared" si="36"/>
        <v>-7044</v>
      </c>
      <c r="E1211" s="7">
        <f t="shared" si="37"/>
        <v>-8.7325200833085398E-2</v>
      </c>
      <c r="H1211" s="8"/>
      <c r="S1211" s="8"/>
    </row>
    <row r="1212" spans="1:19">
      <c r="A1212" s="6">
        <v>1213</v>
      </c>
      <c r="B1212" s="6">
        <v>80595</v>
      </c>
      <c r="C1212" s="6">
        <v>87269</v>
      </c>
      <c r="D1212" s="6">
        <f t="shared" si="36"/>
        <v>-6674</v>
      </c>
      <c r="E1212" s="7">
        <f t="shared" si="37"/>
        <v>-8.2809107264718657E-2</v>
      </c>
      <c r="H1212" s="8"/>
      <c r="S1212" s="8"/>
    </row>
    <row r="1213" spans="1:19">
      <c r="A1213" s="6">
        <v>1214</v>
      </c>
      <c r="B1213" s="6">
        <v>80657</v>
      </c>
      <c r="C1213" s="6">
        <v>87695</v>
      </c>
      <c r="D1213" s="6">
        <f t="shared" si="36"/>
        <v>-7038</v>
      </c>
      <c r="E1213" s="7">
        <f t="shared" si="37"/>
        <v>-8.7258390468279254E-2</v>
      </c>
      <c r="H1213" s="8"/>
      <c r="S1213" s="8"/>
    </row>
    <row r="1214" spans="1:19">
      <c r="A1214" s="6">
        <v>1215</v>
      </c>
      <c r="B1214" s="6">
        <v>80667</v>
      </c>
      <c r="C1214" s="6">
        <v>88287</v>
      </c>
      <c r="D1214" s="6">
        <f t="shared" si="36"/>
        <v>-7620</v>
      </c>
      <c r="E1214" s="7">
        <f t="shared" si="37"/>
        <v>-9.4462419576778603E-2</v>
      </c>
      <c r="H1214" s="8"/>
      <c r="S1214" s="8"/>
    </row>
    <row r="1215" spans="1:19">
      <c r="A1215" s="6">
        <v>1216</v>
      </c>
      <c r="B1215" s="6">
        <v>73943</v>
      </c>
      <c r="C1215" s="6">
        <v>74014</v>
      </c>
      <c r="D1215" s="6">
        <f t="shared" si="36"/>
        <v>-71</v>
      </c>
      <c r="E1215" s="7">
        <f t="shared" si="37"/>
        <v>-9.601990722583612E-4</v>
      </c>
      <c r="H1215" s="8"/>
      <c r="S1215" s="8"/>
    </row>
    <row r="1216" spans="1:19">
      <c r="A1216" s="6">
        <v>1217</v>
      </c>
      <c r="B1216" s="6">
        <v>85226</v>
      </c>
      <c r="C1216" s="6">
        <v>83514</v>
      </c>
      <c r="D1216" s="6">
        <f t="shared" si="36"/>
        <v>1712</v>
      </c>
      <c r="E1216" s="7">
        <f t="shared" si="37"/>
        <v>2.0087766643981885E-2</v>
      </c>
      <c r="H1216" s="8"/>
      <c r="S1216" s="8"/>
    </row>
    <row r="1217" spans="1:19">
      <c r="A1217" s="6">
        <v>1218</v>
      </c>
      <c r="B1217" s="6">
        <v>85198</v>
      </c>
      <c r="C1217" s="6">
        <v>83509</v>
      </c>
      <c r="D1217" s="6">
        <f t="shared" si="36"/>
        <v>1689</v>
      </c>
      <c r="E1217" s="7">
        <f t="shared" si="37"/>
        <v>1.9824409023686002E-2</v>
      </c>
      <c r="H1217" s="8"/>
      <c r="S1217" s="8"/>
    </row>
    <row r="1218" spans="1:19">
      <c r="A1218" s="6">
        <v>1219</v>
      </c>
      <c r="B1218" s="6">
        <v>85202</v>
      </c>
      <c r="C1218" s="6">
        <v>83499</v>
      </c>
      <c r="D1218" s="6">
        <f t="shared" si="36"/>
        <v>1703</v>
      </c>
      <c r="E1218" s="7">
        <f t="shared" si="37"/>
        <v>1.9987793713762587E-2</v>
      </c>
      <c r="H1218" s="8"/>
      <c r="S1218" s="8"/>
    </row>
    <row r="1219" spans="1:19">
      <c r="A1219" s="6">
        <v>1220</v>
      </c>
      <c r="B1219" s="6">
        <v>84769</v>
      </c>
      <c r="C1219" s="6">
        <v>83101</v>
      </c>
      <c r="D1219" s="6">
        <f t="shared" si="36"/>
        <v>1668</v>
      </c>
      <c r="E1219" s="7">
        <f t="shared" si="37"/>
        <v>1.9677004565348183E-2</v>
      </c>
      <c r="H1219" s="8"/>
      <c r="S1219" s="8"/>
    </row>
    <row r="1220" spans="1:19">
      <c r="A1220" s="6">
        <v>1221</v>
      </c>
      <c r="B1220" s="6">
        <v>84347</v>
      </c>
      <c r="C1220" s="6">
        <v>82737</v>
      </c>
      <c r="D1220" s="6">
        <f t="shared" ref="D1220:D1283" si="38">B1220-C1220</f>
        <v>1610</v>
      </c>
      <c r="E1220" s="7">
        <f t="shared" ref="E1220:E1283" si="39">D1220/B1220</f>
        <v>1.908781580850534E-2</v>
      </c>
      <c r="H1220" s="8"/>
      <c r="S1220" s="8"/>
    </row>
    <row r="1221" spans="1:19">
      <c r="A1221" s="6">
        <v>1222</v>
      </c>
      <c r="B1221" s="6">
        <v>84918</v>
      </c>
      <c r="C1221" s="6">
        <v>83135</v>
      </c>
      <c r="D1221" s="6">
        <f t="shared" si="38"/>
        <v>1783</v>
      </c>
      <c r="E1221" s="7">
        <f t="shared" si="39"/>
        <v>2.0996726253562262E-2</v>
      </c>
      <c r="H1221" s="8"/>
      <c r="S1221" s="8"/>
    </row>
    <row r="1222" spans="1:19">
      <c r="A1222" s="6">
        <v>1223</v>
      </c>
      <c r="B1222" s="6">
        <v>84771</v>
      </c>
      <c r="C1222" s="6">
        <v>83129</v>
      </c>
      <c r="D1222" s="6">
        <f t="shared" si="38"/>
        <v>1642</v>
      </c>
      <c r="E1222" s="7">
        <f t="shared" si="39"/>
        <v>1.9369831664130421E-2</v>
      </c>
      <c r="H1222" s="8"/>
      <c r="S1222" s="8"/>
    </row>
    <row r="1223" spans="1:19">
      <c r="A1223" s="6">
        <v>1224</v>
      </c>
      <c r="B1223" s="6">
        <v>84766</v>
      </c>
      <c r="C1223" s="6">
        <v>84982</v>
      </c>
      <c r="D1223" s="6">
        <f t="shared" si="38"/>
        <v>-216</v>
      </c>
      <c r="E1223" s="7">
        <f t="shared" si="39"/>
        <v>-2.5481914918717408E-3</v>
      </c>
      <c r="H1223" s="8"/>
      <c r="S1223" s="8"/>
    </row>
    <row r="1224" spans="1:19">
      <c r="A1224" s="6">
        <v>1225</v>
      </c>
      <c r="B1224" s="6">
        <v>85293</v>
      </c>
      <c r="C1224" s="6">
        <v>84355</v>
      </c>
      <c r="D1224" s="6">
        <f t="shared" si="38"/>
        <v>938</v>
      </c>
      <c r="E1224" s="7">
        <f t="shared" si="39"/>
        <v>1.0997385482982191E-2</v>
      </c>
      <c r="H1224" s="8"/>
      <c r="S1224" s="8"/>
    </row>
    <row r="1225" spans="1:19">
      <c r="A1225" s="6">
        <v>1226</v>
      </c>
      <c r="B1225" s="6">
        <v>84343</v>
      </c>
      <c r="C1225" s="6">
        <v>84373</v>
      </c>
      <c r="D1225" s="6">
        <f t="shared" si="38"/>
        <v>-30</v>
      </c>
      <c r="E1225" s="7">
        <f t="shared" si="39"/>
        <v>-3.5569045445383733E-4</v>
      </c>
      <c r="H1225" s="8"/>
      <c r="S1225" s="8"/>
    </row>
    <row r="1226" spans="1:19">
      <c r="A1226" s="6">
        <v>1227</v>
      </c>
      <c r="B1226" s="6">
        <v>84364</v>
      </c>
      <c r="C1226" s="6">
        <v>84387</v>
      </c>
      <c r="D1226" s="6">
        <f t="shared" si="38"/>
        <v>-23</v>
      </c>
      <c r="E1226" s="7">
        <f t="shared" si="39"/>
        <v>-2.7262813522355508E-4</v>
      </c>
      <c r="H1226" s="8"/>
      <c r="S1226" s="8"/>
    </row>
    <row r="1227" spans="1:19">
      <c r="A1227" s="6">
        <v>1228</v>
      </c>
      <c r="B1227" s="6">
        <v>84348</v>
      </c>
      <c r="C1227" s="6">
        <v>83953</v>
      </c>
      <c r="D1227" s="6">
        <f t="shared" si="38"/>
        <v>395</v>
      </c>
      <c r="E1227" s="7">
        <f t="shared" si="39"/>
        <v>4.6829800350927115E-3</v>
      </c>
      <c r="H1227" s="8"/>
      <c r="S1227" s="8"/>
    </row>
    <row r="1228" spans="1:19">
      <c r="A1228" s="6">
        <v>1229</v>
      </c>
      <c r="B1228" s="6">
        <v>84069</v>
      </c>
      <c r="C1228" s="6">
        <v>83501</v>
      </c>
      <c r="D1228" s="6">
        <f t="shared" si="38"/>
        <v>568</v>
      </c>
      <c r="E1228" s="7">
        <f t="shared" si="39"/>
        <v>6.7563548989520517E-3</v>
      </c>
      <c r="H1228" s="8"/>
      <c r="S1228" s="8"/>
    </row>
    <row r="1229" spans="1:19">
      <c r="A1229" s="6">
        <v>1230</v>
      </c>
      <c r="B1229" s="6">
        <v>83955</v>
      </c>
      <c r="C1229" s="6">
        <v>83950</v>
      </c>
      <c r="D1229" s="6">
        <f t="shared" si="38"/>
        <v>5</v>
      </c>
      <c r="E1229" s="7">
        <f t="shared" si="39"/>
        <v>5.9555714370793878E-5</v>
      </c>
      <c r="H1229" s="8"/>
      <c r="S1229" s="8"/>
    </row>
    <row r="1230" spans="1:19">
      <c r="A1230" s="6">
        <v>1231</v>
      </c>
      <c r="B1230" s="6">
        <v>83938</v>
      </c>
      <c r="C1230" s="6">
        <v>83943</v>
      </c>
      <c r="D1230" s="6">
        <f t="shared" si="38"/>
        <v>-5</v>
      </c>
      <c r="E1230" s="7">
        <f t="shared" si="39"/>
        <v>-5.9567776215778313E-5</v>
      </c>
      <c r="H1230" s="8"/>
      <c r="S1230" s="8"/>
    </row>
    <row r="1231" spans="1:19">
      <c r="A1231" s="6">
        <v>1232</v>
      </c>
      <c r="B1231" s="6">
        <v>84871</v>
      </c>
      <c r="C1231" s="6">
        <v>87686</v>
      </c>
      <c r="D1231" s="6">
        <f t="shared" si="38"/>
        <v>-2815</v>
      </c>
      <c r="E1231" s="7">
        <f t="shared" si="39"/>
        <v>-3.3167984352723542E-2</v>
      </c>
      <c r="H1231" s="8"/>
      <c r="S1231" s="8"/>
    </row>
    <row r="1232" spans="1:19">
      <c r="A1232" s="6">
        <v>1233</v>
      </c>
      <c r="B1232" s="6">
        <v>84409</v>
      </c>
      <c r="C1232" s="6">
        <v>87339</v>
      </c>
      <c r="D1232" s="6">
        <f t="shared" si="38"/>
        <v>-2930</v>
      </c>
      <c r="E1232" s="7">
        <f t="shared" si="39"/>
        <v>-3.4711938300418202E-2</v>
      </c>
      <c r="H1232" s="8"/>
      <c r="S1232" s="8"/>
    </row>
    <row r="1233" spans="1:19">
      <c r="A1233" s="6">
        <v>1234</v>
      </c>
      <c r="B1233" s="6">
        <v>84401</v>
      </c>
      <c r="C1233" s="6">
        <v>87278</v>
      </c>
      <c r="D1233" s="6">
        <f t="shared" si="38"/>
        <v>-2877</v>
      </c>
      <c r="E1233" s="7">
        <f t="shared" si="39"/>
        <v>-3.4087273847466265E-2</v>
      </c>
      <c r="H1233" s="8"/>
      <c r="S1233" s="8"/>
    </row>
    <row r="1234" spans="1:19">
      <c r="A1234" s="6">
        <v>1235</v>
      </c>
      <c r="B1234" s="6">
        <v>84386</v>
      </c>
      <c r="C1234" s="6">
        <v>87350</v>
      </c>
      <c r="D1234" s="6">
        <f t="shared" si="38"/>
        <v>-2964</v>
      </c>
      <c r="E1234" s="7">
        <f t="shared" si="39"/>
        <v>-3.5124309719621737E-2</v>
      </c>
      <c r="H1234" s="8"/>
      <c r="S1234" s="8"/>
    </row>
    <row r="1235" spans="1:19">
      <c r="A1235" s="6">
        <v>1236</v>
      </c>
      <c r="B1235" s="6">
        <v>84351</v>
      </c>
      <c r="C1235" s="6">
        <v>86848</v>
      </c>
      <c r="D1235" s="6">
        <f t="shared" si="38"/>
        <v>-2497</v>
      </c>
      <c r="E1235" s="7">
        <f t="shared" si="39"/>
        <v>-2.9602494339130536E-2</v>
      </c>
      <c r="H1235" s="8"/>
      <c r="S1235" s="8"/>
    </row>
    <row r="1236" spans="1:19">
      <c r="A1236" s="6">
        <v>1237</v>
      </c>
      <c r="B1236" s="6">
        <v>83942</v>
      </c>
      <c r="C1236" s="6">
        <v>86434</v>
      </c>
      <c r="D1236" s="6">
        <f t="shared" si="38"/>
        <v>-2492</v>
      </c>
      <c r="E1236" s="7">
        <f t="shared" si="39"/>
        <v>-2.9687164947225467E-2</v>
      </c>
      <c r="H1236" s="8"/>
      <c r="S1236" s="8"/>
    </row>
    <row r="1237" spans="1:19">
      <c r="A1237" s="6">
        <v>1238</v>
      </c>
      <c r="B1237" s="6">
        <v>83980</v>
      </c>
      <c r="C1237" s="6">
        <v>86858</v>
      </c>
      <c r="D1237" s="6">
        <f t="shared" si="38"/>
        <v>-2878</v>
      </c>
      <c r="E1237" s="7">
        <f t="shared" si="39"/>
        <v>-3.4270064301024056E-2</v>
      </c>
      <c r="H1237" s="8"/>
      <c r="S1237" s="8"/>
    </row>
    <row r="1238" spans="1:19">
      <c r="A1238" s="6">
        <v>1239</v>
      </c>
      <c r="B1238" s="6">
        <v>83978</v>
      </c>
      <c r="C1238" s="6">
        <v>87016</v>
      </c>
      <c r="D1238" s="6">
        <f t="shared" si="38"/>
        <v>-3038</v>
      </c>
      <c r="E1238" s="7">
        <f t="shared" si="39"/>
        <v>-3.6176141370358905E-2</v>
      </c>
      <c r="H1238" s="8"/>
      <c r="S1238" s="8"/>
    </row>
    <row r="1239" spans="1:19">
      <c r="A1239" s="6">
        <v>1240</v>
      </c>
      <c r="B1239" s="6">
        <v>83977</v>
      </c>
      <c r="C1239" s="6">
        <v>88539</v>
      </c>
      <c r="D1239" s="6">
        <f t="shared" si="38"/>
        <v>-4562</v>
      </c>
      <c r="E1239" s="7">
        <f t="shared" si="39"/>
        <v>-5.4324398347166486E-2</v>
      </c>
      <c r="H1239" s="8"/>
      <c r="S1239" s="8"/>
    </row>
    <row r="1240" spans="1:19">
      <c r="A1240" s="6">
        <v>1241</v>
      </c>
      <c r="B1240" s="6">
        <v>83561</v>
      </c>
      <c r="C1240" s="6">
        <v>88093</v>
      </c>
      <c r="D1240" s="6">
        <f t="shared" si="38"/>
        <v>-4532</v>
      </c>
      <c r="E1240" s="7">
        <f t="shared" si="39"/>
        <v>-5.4235827718672587E-2</v>
      </c>
      <c r="H1240" s="8"/>
      <c r="S1240" s="8"/>
    </row>
    <row r="1241" spans="1:19">
      <c r="A1241" s="6">
        <v>1242</v>
      </c>
      <c r="B1241" s="6">
        <v>83521</v>
      </c>
      <c r="C1241" s="6">
        <v>88165</v>
      </c>
      <c r="D1241" s="6">
        <f t="shared" si="38"/>
        <v>-4644</v>
      </c>
      <c r="E1241" s="7">
        <f t="shared" si="39"/>
        <v>-5.5602782533734033E-2</v>
      </c>
      <c r="H1241" s="8"/>
      <c r="S1241" s="8"/>
    </row>
    <row r="1242" spans="1:19">
      <c r="A1242" s="6">
        <v>1243</v>
      </c>
      <c r="B1242" s="6">
        <v>83529</v>
      </c>
      <c r="C1242" s="6">
        <v>88128</v>
      </c>
      <c r="D1242" s="6">
        <f t="shared" si="38"/>
        <v>-4599</v>
      </c>
      <c r="E1242" s="7">
        <f t="shared" si="39"/>
        <v>-5.5058722120461159E-2</v>
      </c>
      <c r="H1242" s="8"/>
      <c r="S1242" s="8"/>
    </row>
    <row r="1243" spans="1:19">
      <c r="A1243" s="6">
        <v>1244</v>
      </c>
      <c r="B1243" s="6">
        <v>83941</v>
      </c>
      <c r="C1243" s="6">
        <v>87749</v>
      </c>
      <c r="D1243" s="6">
        <f t="shared" si="38"/>
        <v>-3808</v>
      </c>
      <c r="E1243" s="7">
        <f t="shared" si="39"/>
        <v>-4.5365196983595618E-2</v>
      </c>
      <c r="H1243" s="8"/>
      <c r="S1243" s="8"/>
    </row>
    <row r="1244" spans="1:19">
      <c r="A1244" s="6">
        <v>1245</v>
      </c>
      <c r="B1244" s="6">
        <v>83714</v>
      </c>
      <c r="C1244" s="6">
        <v>87276</v>
      </c>
      <c r="D1244" s="6">
        <f t="shared" si="38"/>
        <v>-3562</v>
      </c>
      <c r="E1244" s="7">
        <f t="shared" si="39"/>
        <v>-4.2549633275198895E-2</v>
      </c>
      <c r="H1244" s="8"/>
      <c r="S1244" s="8"/>
    </row>
    <row r="1245" spans="1:19">
      <c r="A1245" s="6">
        <v>1246</v>
      </c>
      <c r="B1245" s="6">
        <v>83510</v>
      </c>
      <c r="C1245" s="6">
        <v>87773</v>
      </c>
      <c r="D1245" s="6">
        <f t="shared" si="38"/>
        <v>-4263</v>
      </c>
      <c r="E1245" s="7">
        <f t="shared" si="39"/>
        <v>-5.1047778709136633E-2</v>
      </c>
      <c r="H1245" s="8"/>
      <c r="S1245" s="8"/>
    </row>
    <row r="1246" spans="1:19">
      <c r="A1246" s="6">
        <v>1247</v>
      </c>
      <c r="B1246" s="6">
        <v>83852</v>
      </c>
      <c r="C1246" s="6">
        <v>87689</v>
      </c>
      <c r="D1246" s="6">
        <f t="shared" si="38"/>
        <v>-3837</v>
      </c>
      <c r="E1246" s="7">
        <f t="shared" si="39"/>
        <v>-4.5759194771740688E-2</v>
      </c>
      <c r="H1246" s="8"/>
      <c r="S1246" s="8"/>
    </row>
    <row r="1247" spans="1:19">
      <c r="A1247" s="6">
        <v>1248</v>
      </c>
      <c r="B1247" s="6">
        <v>85207</v>
      </c>
      <c r="C1247" s="6">
        <v>89359</v>
      </c>
      <c r="D1247" s="6">
        <f t="shared" si="38"/>
        <v>-4152</v>
      </c>
      <c r="E1247" s="7">
        <f t="shared" si="39"/>
        <v>-4.8728390859905879E-2</v>
      </c>
      <c r="H1247" s="8"/>
      <c r="S1247" s="8"/>
    </row>
    <row r="1248" spans="1:19">
      <c r="A1248" s="6">
        <v>1249</v>
      </c>
      <c r="B1248" s="6">
        <v>84824</v>
      </c>
      <c r="C1248" s="6">
        <v>88944</v>
      </c>
      <c r="D1248" s="6">
        <f t="shared" si="38"/>
        <v>-4120</v>
      </c>
      <c r="E1248" s="7">
        <f t="shared" si="39"/>
        <v>-4.857115910591342E-2</v>
      </c>
      <c r="H1248" s="8"/>
      <c r="S1248" s="8"/>
    </row>
    <row r="1249" spans="1:19">
      <c r="A1249" s="6">
        <v>1250</v>
      </c>
      <c r="B1249" s="6">
        <v>84823</v>
      </c>
      <c r="C1249" s="6">
        <v>88997</v>
      </c>
      <c r="D1249" s="6">
        <f t="shared" si="38"/>
        <v>-4174</v>
      </c>
      <c r="E1249" s="7">
        <f t="shared" si="39"/>
        <v>-4.9208351508435215E-2</v>
      </c>
      <c r="H1249" s="8"/>
      <c r="S1249" s="8"/>
    </row>
    <row r="1250" spans="1:19">
      <c r="A1250" s="6">
        <v>1251</v>
      </c>
      <c r="B1250" s="6">
        <v>84789</v>
      </c>
      <c r="C1250" s="6">
        <v>88945</v>
      </c>
      <c r="D1250" s="6">
        <f t="shared" si="38"/>
        <v>-4156</v>
      </c>
      <c r="E1250" s="7">
        <f t="shared" si="39"/>
        <v>-4.9015792142848721E-2</v>
      </c>
      <c r="H1250" s="8"/>
      <c r="S1250" s="8"/>
    </row>
    <row r="1251" spans="1:19">
      <c r="A1251" s="6">
        <v>1252</v>
      </c>
      <c r="B1251" s="6">
        <v>84482</v>
      </c>
      <c r="C1251" s="6">
        <v>88584</v>
      </c>
      <c r="D1251" s="6">
        <f t="shared" si="38"/>
        <v>-4102</v>
      </c>
      <c r="E1251" s="7">
        <f t="shared" si="39"/>
        <v>-4.8554721715868471E-2</v>
      </c>
      <c r="H1251" s="8"/>
      <c r="S1251" s="8"/>
    </row>
    <row r="1252" spans="1:19">
      <c r="A1252" s="6">
        <v>1253</v>
      </c>
      <c r="B1252" s="6">
        <v>83995</v>
      </c>
      <c r="C1252" s="6">
        <v>88123</v>
      </c>
      <c r="D1252" s="6">
        <f t="shared" si="38"/>
        <v>-4128</v>
      </c>
      <c r="E1252" s="7">
        <f t="shared" si="39"/>
        <v>-4.91457824870528E-2</v>
      </c>
      <c r="H1252" s="8"/>
      <c r="S1252" s="8"/>
    </row>
    <row r="1253" spans="1:19">
      <c r="A1253" s="6">
        <v>1254</v>
      </c>
      <c r="B1253" s="6">
        <v>84398</v>
      </c>
      <c r="C1253" s="6">
        <v>88530</v>
      </c>
      <c r="D1253" s="6">
        <f t="shared" si="38"/>
        <v>-4132</v>
      </c>
      <c r="E1253" s="7">
        <f t="shared" si="39"/>
        <v>-4.8958506125737579E-2</v>
      </c>
      <c r="H1253" s="8"/>
      <c r="S1253" s="8"/>
    </row>
    <row r="1254" spans="1:19">
      <c r="A1254" s="6">
        <v>1255</v>
      </c>
      <c r="B1254" s="6">
        <v>84365</v>
      </c>
      <c r="C1254" s="6">
        <v>88518</v>
      </c>
      <c r="D1254" s="6">
        <f t="shared" si="38"/>
        <v>-4153</v>
      </c>
      <c r="E1254" s="7">
        <f t="shared" si="39"/>
        <v>-4.9226575001481657E-2</v>
      </c>
      <c r="H1254" s="8"/>
      <c r="S1254" s="8"/>
    </row>
    <row r="1255" spans="1:19">
      <c r="A1255" s="6">
        <v>1256</v>
      </c>
      <c r="B1255" s="6">
        <v>84360</v>
      </c>
      <c r="C1255" s="6">
        <v>90201</v>
      </c>
      <c r="D1255" s="6">
        <f t="shared" si="38"/>
        <v>-5841</v>
      </c>
      <c r="E1255" s="7">
        <f t="shared" si="39"/>
        <v>-6.9238975817923182E-2</v>
      </c>
      <c r="H1255" s="8"/>
      <c r="S1255" s="8"/>
    </row>
    <row r="1256" spans="1:19">
      <c r="A1256" s="6">
        <v>1257</v>
      </c>
      <c r="B1256" s="6">
        <v>84017</v>
      </c>
      <c r="C1256" s="6">
        <v>89817</v>
      </c>
      <c r="D1256" s="6">
        <f t="shared" si="38"/>
        <v>-5800</v>
      </c>
      <c r="E1256" s="7">
        <f t="shared" si="39"/>
        <v>-6.9033647952200156E-2</v>
      </c>
      <c r="H1256" s="8"/>
      <c r="S1256" s="8"/>
    </row>
    <row r="1257" spans="1:19">
      <c r="A1257" s="6">
        <v>1258</v>
      </c>
      <c r="B1257" s="6">
        <v>83943</v>
      </c>
      <c r="C1257" s="6">
        <v>89770</v>
      </c>
      <c r="D1257" s="6">
        <f t="shared" si="38"/>
        <v>-5827</v>
      </c>
      <c r="E1257" s="7">
        <f t="shared" si="39"/>
        <v>-6.9416151436093546E-2</v>
      </c>
      <c r="H1257" s="8"/>
      <c r="S1257" s="8"/>
    </row>
    <row r="1258" spans="1:19">
      <c r="A1258" s="6">
        <v>1259</v>
      </c>
      <c r="B1258" s="6">
        <v>83951</v>
      </c>
      <c r="C1258" s="6">
        <v>89784</v>
      </c>
      <c r="D1258" s="6">
        <f t="shared" si="38"/>
        <v>-5833</v>
      </c>
      <c r="E1258" s="7">
        <f t="shared" si="39"/>
        <v>-6.9481006777763213E-2</v>
      </c>
      <c r="H1258" s="8"/>
      <c r="S1258" s="8"/>
    </row>
    <row r="1259" spans="1:19">
      <c r="A1259" s="6">
        <v>1260</v>
      </c>
      <c r="B1259" s="6">
        <v>83956</v>
      </c>
      <c r="C1259" s="6">
        <v>89443</v>
      </c>
      <c r="D1259" s="6">
        <f t="shared" si="38"/>
        <v>-5487</v>
      </c>
      <c r="E1259" s="7">
        <f t="shared" si="39"/>
        <v>-6.5355662489875649E-2</v>
      </c>
      <c r="H1259" s="8"/>
      <c r="S1259" s="8"/>
    </row>
    <row r="1260" spans="1:19">
      <c r="A1260" s="6">
        <v>1261</v>
      </c>
      <c r="B1260" s="6">
        <v>83660</v>
      </c>
      <c r="C1260" s="6">
        <v>88958</v>
      </c>
      <c r="D1260" s="6">
        <f t="shared" si="38"/>
        <v>-5298</v>
      </c>
      <c r="E1260" s="7">
        <f t="shared" si="39"/>
        <v>-6.3327755199617503E-2</v>
      </c>
      <c r="H1260" s="8"/>
      <c r="S1260" s="8"/>
    </row>
    <row r="1261" spans="1:19">
      <c r="A1261" s="6">
        <v>1262</v>
      </c>
      <c r="B1261" s="6">
        <v>83525</v>
      </c>
      <c r="C1261" s="6">
        <v>89419</v>
      </c>
      <c r="D1261" s="6">
        <f t="shared" si="38"/>
        <v>-5894</v>
      </c>
      <c r="E1261" s="7">
        <f t="shared" si="39"/>
        <v>-7.0565698892547143E-2</v>
      </c>
      <c r="H1261" s="8"/>
      <c r="S1261" s="8"/>
    </row>
    <row r="1262" spans="1:19">
      <c r="A1262" s="6">
        <v>1263</v>
      </c>
      <c r="B1262" s="6">
        <v>83544</v>
      </c>
      <c r="C1262" s="6">
        <v>89369</v>
      </c>
      <c r="D1262" s="6">
        <f t="shared" si="38"/>
        <v>-5825</v>
      </c>
      <c r="E1262" s="7">
        <f t="shared" si="39"/>
        <v>-6.9723738389351725E-2</v>
      </c>
      <c r="H1262" s="8"/>
      <c r="S1262" s="8"/>
    </row>
    <row r="1263" spans="1:19">
      <c r="A1263" s="6">
        <v>1264</v>
      </c>
      <c r="B1263" s="6">
        <v>84770</v>
      </c>
      <c r="C1263" s="6">
        <v>91026</v>
      </c>
      <c r="D1263" s="6">
        <f t="shared" si="38"/>
        <v>-6256</v>
      </c>
      <c r="E1263" s="7">
        <f t="shared" si="39"/>
        <v>-7.3799693287719709E-2</v>
      </c>
      <c r="H1263" s="8"/>
      <c r="S1263" s="8"/>
    </row>
    <row r="1264" spans="1:19">
      <c r="A1264" s="6">
        <v>1265</v>
      </c>
      <c r="B1264" s="6">
        <v>84354</v>
      </c>
      <c r="C1264" s="6">
        <v>90596</v>
      </c>
      <c r="D1264" s="6">
        <f t="shared" si="38"/>
        <v>-6242</v>
      </c>
      <c r="E1264" s="7">
        <f t="shared" si="39"/>
        <v>-7.3997676458733438E-2</v>
      </c>
      <c r="H1264" s="8"/>
      <c r="S1264" s="8"/>
    </row>
    <row r="1265" spans="1:19">
      <c r="A1265" s="6">
        <v>1266</v>
      </c>
      <c r="B1265" s="6">
        <v>84406</v>
      </c>
      <c r="C1265" s="6">
        <v>90602</v>
      </c>
      <c r="D1265" s="6">
        <f t="shared" si="38"/>
        <v>-6196</v>
      </c>
      <c r="E1265" s="7">
        <f t="shared" si="39"/>
        <v>-7.3407103760396178E-2</v>
      </c>
      <c r="H1265" s="8"/>
      <c r="S1265" s="8"/>
    </row>
    <row r="1266" spans="1:19">
      <c r="A1266" s="6">
        <v>1267</v>
      </c>
      <c r="B1266" s="6">
        <v>85323</v>
      </c>
      <c r="C1266" s="6">
        <v>90652</v>
      </c>
      <c r="D1266" s="6">
        <f t="shared" si="38"/>
        <v>-5329</v>
      </c>
      <c r="E1266" s="7">
        <f t="shared" si="39"/>
        <v>-6.245678187593029E-2</v>
      </c>
      <c r="H1266" s="8"/>
      <c r="S1266" s="8"/>
    </row>
    <row r="1267" spans="1:19">
      <c r="A1267" s="6">
        <v>1268</v>
      </c>
      <c r="B1267" s="6">
        <v>84426</v>
      </c>
      <c r="C1267" s="6">
        <v>90193</v>
      </c>
      <c r="D1267" s="6">
        <f t="shared" si="38"/>
        <v>-5767</v>
      </c>
      <c r="E1267" s="7">
        <f t="shared" si="39"/>
        <v>-6.8308341032383382E-2</v>
      </c>
      <c r="H1267" s="8"/>
      <c r="S1267" s="8"/>
    </row>
    <row r="1268" spans="1:19">
      <c r="A1268" s="6">
        <v>1269</v>
      </c>
      <c r="B1268" s="6">
        <v>83985</v>
      </c>
      <c r="C1268" s="6">
        <v>89790</v>
      </c>
      <c r="D1268" s="6">
        <f t="shared" si="38"/>
        <v>-5805</v>
      </c>
      <c r="E1268" s="7">
        <f t="shared" si="39"/>
        <v>-6.9119485622432572E-2</v>
      </c>
      <c r="H1268" s="8"/>
      <c r="S1268" s="8"/>
    </row>
    <row r="1269" spans="1:19">
      <c r="A1269" s="6">
        <v>1270</v>
      </c>
      <c r="B1269" s="6">
        <v>84029</v>
      </c>
      <c r="C1269" s="6">
        <v>90178</v>
      </c>
      <c r="D1269" s="6">
        <f t="shared" si="38"/>
        <v>-6149</v>
      </c>
      <c r="E1269" s="7">
        <f t="shared" si="39"/>
        <v>-7.3177117423746565E-2</v>
      </c>
      <c r="H1269" s="8"/>
      <c r="S1269" s="8"/>
    </row>
    <row r="1270" spans="1:19">
      <c r="A1270" s="6">
        <v>1271</v>
      </c>
      <c r="B1270" s="6">
        <v>83951</v>
      </c>
      <c r="C1270" s="6">
        <v>90192</v>
      </c>
      <c r="D1270" s="6">
        <f t="shared" si="38"/>
        <v>-6241</v>
      </c>
      <c r="E1270" s="7">
        <f t="shared" si="39"/>
        <v>-7.4340984621981868E-2</v>
      </c>
      <c r="H1270" s="8"/>
      <c r="S1270" s="8"/>
    </row>
    <row r="1271" spans="1:19">
      <c r="A1271" s="6">
        <v>1272</v>
      </c>
      <c r="B1271" s="6">
        <v>84345</v>
      </c>
      <c r="C1271" s="6">
        <v>91854</v>
      </c>
      <c r="D1271" s="6">
        <f t="shared" si="38"/>
        <v>-7509</v>
      </c>
      <c r="E1271" s="7">
        <f t="shared" si="39"/>
        <v>-8.9027209674550953E-2</v>
      </c>
      <c r="H1271" s="8"/>
      <c r="S1271" s="8"/>
    </row>
    <row r="1272" spans="1:19">
      <c r="A1272" s="6">
        <v>1273</v>
      </c>
      <c r="B1272" s="6">
        <v>83987</v>
      </c>
      <c r="C1272" s="6">
        <v>91449</v>
      </c>
      <c r="D1272" s="6">
        <f t="shared" si="38"/>
        <v>-7462</v>
      </c>
      <c r="E1272" s="7">
        <f t="shared" si="39"/>
        <v>-8.8847083477204811E-2</v>
      </c>
      <c r="H1272" s="8"/>
      <c r="S1272" s="8"/>
    </row>
    <row r="1273" spans="1:19">
      <c r="A1273" s="6">
        <v>1274</v>
      </c>
      <c r="B1273" s="6">
        <v>83957</v>
      </c>
      <c r="C1273" s="6">
        <v>91437</v>
      </c>
      <c r="D1273" s="6">
        <f t="shared" si="38"/>
        <v>-7480</v>
      </c>
      <c r="E1273" s="7">
        <f t="shared" si="39"/>
        <v>-8.9093226294412617E-2</v>
      </c>
      <c r="H1273" s="8"/>
      <c r="S1273" s="8"/>
    </row>
    <row r="1274" spans="1:19">
      <c r="A1274" s="6">
        <v>1275</v>
      </c>
      <c r="B1274" s="6">
        <v>83950</v>
      </c>
      <c r="C1274" s="6">
        <v>91685</v>
      </c>
      <c r="D1274" s="6">
        <f t="shared" si="38"/>
        <v>-7735</v>
      </c>
      <c r="E1274" s="7">
        <f t="shared" si="39"/>
        <v>-9.2138177486599165E-2</v>
      </c>
      <c r="H1274" s="8"/>
      <c r="S1274" s="8"/>
    </row>
    <row r="1275" spans="1:19">
      <c r="A1275" s="6">
        <v>1276</v>
      </c>
      <c r="B1275" s="6">
        <v>83947</v>
      </c>
      <c r="C1275" s="6">
        <v>91099</v>
      </c>
      <c r="D1275" s="6">
        <f t="shared" si="38"/>
        <v>-7152</v>
      </c>
      <c r="E1275" s="7">
        <f t="shared" si="39"/>
        <v>-8.5196612148141088E-2</v>
      </c>
      <c r="H1275" s="8"/>
      <c r="S1275" s="8"/>
    </row>
    <row r="1276" spans="1:19">
      <c r="A1276" s="6">
        <v>1277</v>
      </c>
      <c r="B1276" s="6">
        <v>83948</v>
      </c>
      <c r="C1276" s="6">
        <v>90664</v>
      </c>
      <c r="D1276" s="6">
        <f t="shared" si="38"/>
        <v>-6716</v>
      </c>
      <c r="E1276" s="7">
        <f t="shared" si="39"/>
        <v>-8.0001905941773477E-2</v>
      </c>
      <c r="H1276" s="8"/>
      <c r="S1276" s="8"/>
    </row>
    <row r="1277" spans="1:19">
      <c r="A1277" s="6">
        <v>1278</v>
      </c>
      <c r="B1277" s="6">
        <v>83996</v>
      </c>
      <c r="C1277" s="6">
        <v>91055</v>
      </c>
      <c r="D1277" s="6">
        <f t="shared" si="38"/>
        <v>-7059</v>
      </c>
      <c r="E1277" s="7">
        <f t="shared" si="39"/>
        <v>-8.4039716176960808E-2</v>
      </c>
      <c r="H1277" s="8"/>
      <c r="S1277" s="8"/>
    </row>
    <row r="1278" spans="1:19">
      <c r="A1278" s="6">
        <v>1279</v>
      </c>
      <c r="B1278" s="6">
        <v>83943</v>
      </c>
      <c r="C1278" s="6">
        <v>91096</v>
      </c>
      <c r="D1278" s="6">
        <f t="shared" si="38"/>
        <v>-7153</v>
      </c>
      <c r="E1278" s="7">
        <f t="shared" si="39"/>
        <v>-8.5212584730114477E-2</v>
      </c>
      <c r="H1278" s="8"/>
      <c r="S1278" s="8"/>
    </row>
    <row r="1279" spans="1:19">
      <c r="A1279" s="6">
        <v>1280</v>
      </c>
      <c r="B1279" s="6">
        <v>77254</v>
      </c>
      <c r="C1279" s="6">
        <v>77320</v>
      </c>
      <c r="D1279" s="6">
        <f t="shared" si="38"/>
        <v>-66</v>
      </c>
      <c r="E1279" s="7">
        <f t="shared" si="39"/>
        <v>-8.5432469516141557E-4</v>
      </c>
      <c r="H1279" s="8"/>
      <c r="S1279" s="8"/>
    </row>
    <row r="1280" spans="1:19">
      <c r="A1280" s="6">
        <v>1281</v>
      </c>
      <c r="B1280" s="6">
        <v>88735</v>
      </c>
      <c r="C1280" s="6">
        <v>86850</v>
      </c>
      <c r="D1280" s="6">
        <f t="shared" si="38"/>
        <v>1885</v>
      </c>
      <c r="E1280" s="7">
        <f t="shared" si="39"/>
        <v>2.1243026990477264E-2</v>
      </c>
      <c r="H1280" s="8"/>
      <c r="S1280" s="8"/>
    </row>
    <row r="1281" spans="1:19">
      <c r="A1281" s="6">
        <v>1282</v>
      </c>
      <c r="B1281" s="6">
        <v>88753</v>
      </c>
      <c r="C1281" s="6">
        <v>86850</v>
      </c>
      <c r="D1281" s="6">
        <f t="shared" si="38"/>
        <v>1903</v>
      </c>
      <c r="E1281" s="7">
        <f t="shared" si="39"/>
        <v>2.1441528737056775E-2</v>
      </c>
      <c r="H1281" s="8"/>
      <c r="S1281" s="8"/>
    </row>
    <row r="1282" spans="1:19">
      <c r="A1282" s="6">
        <v>1283</v>
      </c>
      <c r="B1282" s="6">
        <v>88555</v>
      </c>
      <c r="C1282" s="6">
        <v>86913</v>
      </c>
      <c r="D1282" s="6">
        <f t="shared" si="38"/>
        <v>1642</v>
      </c>
      <c r="E1282" s="7">
        <f t="shared" si="39"/>
        <v>1.8542148946982102E-2</v>
      </c>
      <c r="H1282" s="8"/>
      <c r="S1282" s="8"/>
    </row>
    <row r="1283" spans="1:19">
      <c r="A1283" s="6">
        <v>1284</v>
      </c>
      <c r="B1283" s="6">
        <v>88263</v>
      </c>
      <c r="C1283" s="6">
        <v>86489</v>
      </c>
      <c r="D1283" s="6">
        <f t="shared" si="38"/>
        <v>1774</v>
      </c>
      <c r="E1283" s="7">
        <f t="shared" si="39"/>
        <v>2.0099022240349863E-2</v>
      </c>
      <c r="H1283" s="8"/>
      <c r="S1283" s="8"/>
    </row>
    <row r="1284" spans="1:19">
      <c r="A1284" s="6">
        <v>1285</v>
      </c>
      <c r="B1284" s="6">
        <v>87740</v>
      </c>
      <c r="C1284" s="6">
        <v>86027</v>
      </c>
      <c r="D1284" s="6">
        <f t="shared" ref="D1284:D1347" si="40">B1284-C1284</f>
        <v>1713</v>
      </c>
      <c r="E1284" s="7">
        <f t="shared" ref="E1284:E1347" si="41">D1284/B1284</f>
        <v>1.9523592432186005E-2</v>
      </c>
      <c r="H1284" s="8"/>
      <c r="S1284" s="8"/>
    </row>
    <row r="1285" spans="1:19">
      <c r="A1285" s="6">
        <v>1286</v>
      </c>
      <c r="B1285" s="6">
        <v>88098</v>
      </c>
      <c r="C1285" s="6">
        <v>86438</v>
      </c>
      <c r="D1285" s="6">
        <f t="shared" si="40"/>
        <v>1660</v>
      </c>
      <c r="E1285" s="7">
        <f t="shared" si="41"/>
        <v>1.8842652500624304E-2</v>
      </c>
      <c r="H1285" s="8"/>
      <c r="S1285" s="8"/>
    </row>
    <row r="1286" spans="1:19">
      <c r="A1286" s="6">
        <v>1287</v>
      </c>
      <c r="B1286" s="6">
        <v>88100</v>
      </c>
      <c r="C1286" s="6">
        <v>86452</v>
      </c>
      <c r="D1286" s="6">
        <f t="shared" si="40"/>
        <v>1648</v>
      </c>
      <c r="E1286" s="7">
        <f t="shared" si="41"/>
        <v>1.8706015891032917E-2</v>
      </c>
      <c r="H1286" s="8"/>
      <c r="S1286" s="8"/>
    </row>
    <row r="1287" spans="1:19">
      <c r="A1287" s="6">
        <v>1288</v>
      </c>
      <c r="B1287" s="6">
        <v>88644</v>
      </c>
      <c r="C1287" s="6">
        <v>88104</v>
      </c>
      <c r="D1287" s="6">
        <f t="shared" si="40"/>
        <v>540</v>
      </c>
      <c r="E1287" s="7">
        <f t="shared" si="41"/>
        <v>6.0917828617842156E-3</v>
      </c>
      <c r="H1287" s="8"/>
      <c r="S1287" s="8"/>
    </row>
    <row r="1288" spans="1:19">
      <c r="A1288" s="6">
        <v>1289</v>
      </c>
      <c r="B1288" s="6">
        <v>87752</v>
      </c>
      <c r="C1288" s="6">
        <v>87758</v>
      </c>
      <c r="D1288" s="6">
        <f t="shared" si="40"/>
        <v>-6</v>
      </c>
      <c r="E1288" s="7">
        <f t="shared" si="41"/>
        <v>-6.8374509982678462E-5</v>
      </c>
      <c r="H1288" s="8"/>
      <c r="S1288" s="8"/>
    </row>
    <row r="1289" spans="1:19">
      <c r="A1289" s="6">
        <v>1290</v>
      </c>
      <c r="B1289" s="6">
        <v>87694</v>
      </c>
      <c r="C1289" s="6">
        <v>87693</v>
      </c>
      <c r="D1289" s="6">
        <f t="shared" si="40"/>
        <v>1</v>
      </c>
      <c r="E1289" s="7">
        <f t="shared" si="41"/>
        <v>1.1403288708463521E-5</v>
      </c>
      <c r="H1289" s="8"/>
      <c r="S1289" s="8"/>
    </row>
    <row r="1290" spans="1:19">
      <c r="A1290" s="6">
        <v>1291</v>
      </c>
      <c r="B1290" s="6">
        <v>88195</v>
      </c>
      <c r="C1290" s="6">
        <v>87735</v>
      </c>
      <c r="D1290" s="6">
        <f t="shared" si="40"/>
        <v>460</v>
      </c>
      <c r="E1290" s="7">
        <f t="shared" si="41"/>
        <v>5.2157151765973124E-3</v>
      </c>
      <c r="H1290" s="8"/>
      <c r="S1290" s="8"/>
    </row>
    <row r="1291" spans="1:19">
      <c r="A1291" s="6">
        <v>1292</v>
      </c>
      <c r="B1291" s="6">
        <v>87684</v>
      </c>
      <c r="C1291" s="6">
        <v>87331</v>
      </c>
      <c r="D1291" s="6">
        <f t="shared" si="40"/>
        <v>353</v>
      </c>
      <c r="E1291" s="7">
        <f t="shared" si="41"/>
        <v>4.0258199899639614E-3</v>
      </c>
      <c r="H1291" s="8"/>
      <c r="S1291" s="8"/>
    </row>
    <row r="1292" spans="1:19">
      <c r="A1292" s="6">
        <v>1293</v>
      </c>
      <c r="B1292" s="6">
        <v>87281</v>
      </c>
      <c r="C1292" s="6">
        <v>86884</v>
      </c>
      <c r="D1292" s="6">
        <f t="shared" si="40"/>
        <v>397</v>
      </c>
      <c r="E1292" s="7">
        <f t="shared" si="41"/>
        <v>4.5485271708619289E-3</v>
      </c>
      <c r="H1292" s="8"/>
      <c r="S1292" s="8"/>
    </row>
    <row r="1293" spans="1:19">
      <c r="A1293" s="6">
        <v>1294</v>
      </c>
      <c r="B1293" s="6">
        <v>87273</v>
      </c>
      <c r="C1293" s="6">
        <v>87276</v>
      </c>
      <c r="D1293" s="6">
        <f t="shared" si="40"/>
        <v>-3</v>
      </c>
      <c r="E1293" s="7">
        <f t="shared" si="41"/>
        <v>-3.4374892578460694E-5</v>
      </c>
      <c r="H1293" s="8"/>
      <c r="S1293" s="8"/>
    </row>
    <row r="1294" spans="1:19">
      <c r="A1294" s="6">
        <v>1295</v>
      </c>
      <c r="B1294" s="6">
        <v>87279</v>
      </c>
      <c r="C1294" s="6">
        <v>87277</v>
      </c>
      <c r="D1294" s="6">
        <f t="shared" si="40"/>
        <v>2</v>
      </c>
      <c r="E1294" s="7">
        <f t="shared" si="41"/>
        <v>2.2915019649629349E-5</v>
      </c>
      <c r="H1294" s="8"/>
      <c r="S1294" s="8"/>
    </row>
    <row r="1295" spans="1:19">
      <c r="A1295" s="6">
        <v>1296</v>
      </c>
      <c r="B1295" s="6">
        <v>88984</v>
      </c>
      <c r="C1295" s="6">
        <v>91092</v>
      </c>
      <c r="D1295" s="6">
        <f t="shared" si="40"/>
        <v>-2108</v>
      </c>
      <c r="E1295" s="7">
        <f t="shared" si="41"/>
        <v>-2.3689652072282658E-2</v>
      </c>
      <c r="H1295" s="8"/>
      <c r="S1295" s="8"/>
    </row>
    <row r="1296" spans="1:19">
      <c r="A1296" s="6">
        <v>1297</v>
      </c>
      <c r="B1296" s="6">
        <v>87780</v>
      </c>
      <c r="C1296" s="6">
        <v>90605</v>
      </c>
      <c r="D1296" s="6">
        <f t="shared" si="40"/>
        <v>-2825</v>
      </c>
      <c r="E1296" s="7">
        <f t="shared" si="41"/>
        <v>-3.2182729551150605E-2</v>
      </c>
      <c r="H1296" s="8"/>
      <c r="S1296" s="8"/>
    </row>
    <row r="1297" spans="1:19">
      <c r="A1297" s="6">
        <v>1298</v>
      </c>
      <c r="B1297" s="6">
        <v>87680</v>
      </c>
      <c r="C1297" s="6">
        <v>90611</v>
      </c>
      <c r="D1297" s="6">
        <f t="shared" si="40"/>
        <v>-2931</v>
      </c>
      <c r="E1297" s="7">
        <f t="shared" si="41"/>
        <v>-3.3428375912408756E-2</v>
      </c>
      <c r="H1297" s="8"/>
      <c r="S1297" s="8"/>
    </row>
    <row r="1298" spans="1:19">
      <c r="A1298" s="6">
        <v>1299</v>
      </c>
      <c r="B1298" s="6">
        <v>87682</v>
      </c>
      <c r="C1298" s="6">
        <v>90587</v>
      </c>
      <c r="D1298" s="6">
        <f t="shared" si="40"/>
        <v>-2905</v>
      </c>
      <c r="E1298" s="7">
        <f t="shared" si="41"/>
        <v>-3.3131087338336258E-2</v>
      </c>
      <c r="H1298" s="8"/>
      <c r="S1298" s="8"/>
    </row>
    <row r="1299" spans="1:19">
      <c r="A1299" s="6">
        <v>1300</v>
      </c>
      <c r="B1299" s="6">
        <v>87801</v>
      </c>
      <c r="C1299" s="6">
        <v>90250</v>
      </c>
      <c r="D1299" s="6">
        <f t="shared" si="40"/>
        <v>-2449</v>
      </c>
      <c r="E1299" s="7">
        <f t="shared" si="41"/>
        <v>-2.7892620812974795E-2</v>
      </c>
      <c r="H1299" s="8"/>
      <c r="S1299" s="8"/>
    </row>
    <row r="1300" spans="1:19">
      <c r="A1300" s="6">
        <v>1301</v>
      </c>
      <c r="B1300" s="6">
        <v>87470</v>
      </c>
      <c r="C1300" s="6">
        <v>89823</v>
      </c>
      <c r="D1300" s="6">
        <f t="shared" si="40"/>
        <v>-2353</v>
      </c>
      <c r="E1300" s="7">
        <f t="shared" si="41"/>
        <v>-2.690065165199497E-2</v>
      </c>
      <c r="H1300" s="8"/>
      <c r="S1300" s="8"/>
    </row>
    <row r="1301" spans="1:19">
      <c r="A1301" s="6">
        <v>1302</v>
      </c>
      <c r="B1301" s="6">
        <v>87309</v>
      </c>
      <c r="C1301" s="6">
        <v>90179</v>
      </c>
      <c r="D1301" s="6">
        <f t="shared" si="40"/>
        <v>-2870</v>
      </c>
      <c r="E1301" s="7">
        <f t="shared" si="41"/>
        <v>-3.2871754343767538E-2</v>
      </c>
      <c r="H1301" s="8"/>
      <c r="S1301" s="8"/>
    </row>
    <row r="1302" spans="1:19">
      <c r="A1302" s="6">
        <v>1303</v>
      </c>
      <c r="B1302" s="6">
        <v>87252</v>
      </c>
      <c r="C1302" s="6">
        <v>90177</v>
      </c>
      <c r="D1302" s="6">
        <f t="shared" si="40"/>
        <v>-2925</v>
      </c>
      <c r="E1302" s="7">
        <f t="shared" si="41"/>
        <v>-3.352358685187732E-2</v>
      </c>
      <c r="H1302" s="8"/>
      <c r="S1302" s="8"/>
    </row>
    <row r="1303" spans="1:19">
      <c r="A1303" s="6">
        <v>1304</v>
      </c>
      <c r="B1303" s="6">
        <v>87271</v>
      </c>
      <c r="C1303" s="6">
        <v>91850</v>
      </c>
      <c r="D1303" s="6">
        <f t="shared" si="40"/>
        <v>-4579</v>
      </c>
      <c r="E1303" s="7">
        <f t="shared" si="41"/>
        <v>-5.2468746777279966E-2</v>
      </c>
      <c r="H1303" s="8"/>
      <c r="S1303" s="8"/>
    </row>
    <row r="1304" spans="1:19">
      <c r="A1304" s="6">
        <v>1305</v>
      </c>
      <c r="B1304" s="6">
        <v>86834</v>
      </c>
      <c r="C1304" s="6">
        <v>92033</v>
      </c>
      <c r="D1304" s="6">
        <f t="shared" si="40"/>
        <v>-5199</v>
      </c>
      <c r="E1304" s="7">
        <f t="shared" si="41"/>
        <v>-5.987286086095308E-2</v>
      </c>
      <c r="H1304" s="8"/>
      <c r="S1304" s="8"/>
    </row>
    <row r="1305" spans="1:19">
      <c r="A1305" s="6">
        <v>1306</v>
      </c>
      <c r="B1305" s="6">
        <v>86837</v>
      </c>
      <c r="C1305" s="6">
        <v>91469</v>
      </c>
      <c r="D1305" s="6">
        <f t="shared" si="40"/>
        <v>-4632</v>
      </c>
      <c r="E1305" s="7">
        <f t="shared" si="41"/>
        <v>-5.3341317641097688E-2</v>
      </c>
      <c r="H1305" s="8"/>
      <c r="S1305" s="8"/>
    </row>
    <row r="1306" spans="1:19">
      <c r="A1306" s="6">
        <v>1307</v>
      </c>
      <c r="B1306" s="6">
        <v>86828</v>
      </c>
      <c r="C1306" s="6">
        <v>91431</v>
      </c>
      <c r="D1306" s="6">
        <f t="shared" si="40"/>
        <v>-4603</v>
      </c>
      <c r="E1306" s="7">
        <f t="shared" si="41"/>
        <v>-5.3012852996729164E-2</v>
      </c>
      <c r="H1306" s="8"/>
      <c r="S1306" s="8"/>
    </row>
    <row r="1307" spans="1:19">
      <c r="A1307" s="6">
        <v>1308</v>
      </c>
      <c r="B1307" s="6">
        <v>87819</v>
      </c>
      <c r="C1307" s="6">
        <v>91021</v>
      </c>
      <c r="D1307" s="6">
        <f t="shared" si="40"/>
        <v>-3202</v>
      </c>
      <c r="E1307" s="7">
        <f t="shared" si="41"/>
        <v>-3.6461358020473927E-2</v>
      </c>
      <c r="H1307" s="8"/>
      <c r="S1307" s="8"/>
    </row>
    <row r="1308" spans="1:19">
      <c r="A1308" s="6">
        <v>1309</v>
      </c>
      <c r="B1308" s="6">
        <v>86848</v>
      </c>
      <c r="C1308" s="6">
        <v>90611</v>
      </c>
      <c r="D1308" s="6">
        <f t="shared" si="40"/>
        <v>-3763</v>
      </c>
      <c r="E1308" s="7">
        <f t="shared" si="41"/>
        <v>-4.3328574060427415E-2</v>
      </c>
      <c r="H1308" s="8"/>
      <c r="S1308" s="8"/>
    </row>
    <row r="1309" spans="1:19">
      <c r="A1309" s="6">
        <v>1310</v>
      </c>
      <c r="B1309" s="6">
        <v>86832</v>
      </c>
      <c r="C1309" s="6">
        <v>91052</v>
      </c>
      <c r="D1309" s="6">
        <f t="shared" si="40"/>
        <v>-4220</v>
      </c>
      <c r="E1309" s="7">
        <f t="shared" si="41"/>
        <v>-4.8599594619495118E-2</v>
      </c>
      <c r="H1309" s="8"/>
      <c r="S1309" s="8"/>
    </row>
    <row r="1310" spans="1:19">
      <c r="A1310" s="6">
        <v>1311</v>
      </c>
      <c r="B1310" s="6">
        <v>86848</v>
      </c>
      <c r="C1310" s="6">
        <v>91016</v>
      </c>
      <c r="D1310" s="6">
        <f t="shared" si="40"/>
        <v>-4168</v>
      </c>
      <c r="E1310" s="7">
        <f t="shared" si="41"/>
        <v>-4.7991893883566693E-2</v>
      </c>
      <c r="H1310" s="8"/>
      <c r="S1310" s="8"/>
    </row>
    <row r="1311" spans="1:19">
      <c r="A1311" s="6">
        <v>1312</v>
      </c>
      <c r="B1311" s="6">
        <v>88615</v>
      </c>
      <c r="C1311" s="6">
        <v>92894</v>
      </c>
      <c r="D1311" s="6">
        <f t="shared" si="40"/>
        <v>-4279</v>
      </c>
      <c r="E1311" s="7">
        <f t="shared" si="41"/>
        <v>-4.8287535970208205E-2</v>
      </c>
      <c r="H1311" s="8"/>
      <c r="S1311" s="8"/>
    </row>
    <row r="1312" spans="1:19">
      <c r="A1312" s="6">
        <v>1313</v>
      </c>
      <c r="B1312" s="6">
        <v>88165</v>
      </c>
      <c r="C1312" s="6">
        <v>92324</v>
      </c>
      <c r="D1312" s="6">
        <f t="shared" si="40"/>
        <v>-4159</v>
      </c>
      <c r="E1312" s="7">
        <f t="shared" si="41"/>
        <v>-4.7172914421822719E-2</v>
      </c>
      <c r="H1312" s="8"/>
      <c r="S1312" s="8"/>
    </row>
    <row r="1313" spans="1:19">
      <c r="A1313" s="6">
        <v>1314</v>
      </c>
      <c r="B1313" s="6">
        <v>88092</v>
      </c>
      <c r="C1313" s="6">
        <v>92295</v>
      </c>
      <c r="D1313" s="6">
        <f t="shared" si="40"/>
        <v>-4203</v>
      </c>
      <c r="E1313" s="7">
        <f t="shared" si="41"/>
        <v>-4.7711483449121371E-2</v>
      </c>
      <c r="H1313" s="8"/>
      <c r="S1313" s="8"/>
    </row>
    <row r="1314" spans="1:19">
      <c r="A1314" s="6">
        <v>1315</v>
      </c>
      <c r="B1314" s="6">
        <v>88146</v>
      </c>
      <c r="C1314" s="6">
        <v>92264</v>
      </c>
      <c r="D1314" s="6">
        <f t="shared" si="40"/>
        <v>-4118</v>
      </c>
      <c r="E1314" s="7">
        <f t="shared" si="41"/>
        <v>-4.6717945227236629E-2</v>
      </c>
      <c r="H1314" s="8"/>
      <c r="S1314" s="8"/>
    </row>
    <row r="1315" spans="1:19">
      <c r="A1315" s="6">
        <v>1316</v>
      </c>
      <c r="B1315" s="6">
        <v>87699</v>
      </c>
      <c r="C1315" s="6">
        <v>91888</v>
      </c>
      <c r="D1315" s="6">
        <f t="shared" si="40"/>
        <v>-4189</v>
      </c>
      <c r="E1315" s="7">
        <f t="shared" si="41"/>
        <v>-4.7765652972097741E-2</v>
      </c>
      <c r="H1315" s="8"/>
      <c r="S1315" s="8"/>
    </row>
    <row r="1316" spans="1:19">
      <c r="A1316" s="6">
        <v>1317</v>
      </c>
      <c r="B1316" s="6">
        <v>87289</v>
      </c>
      <c r="C1316" s="6">
        <v>91511</v>
      </c>
      <c r="D1316" s="6">
        <f t="shared" si="40"/>
        <v>-4222</v>
      </c>
      <c r="E1316" s="7">
        <f t="shared" si="41"/>
        <v>-4.8368064704601955E-2</v>
      </c>
      <c r="H1316" s="8"/>
      <c r="S1316" s="8"/>
    </row>
    <row r="1317" spans="1:19">
      <c r="A1317" s="6">
        <v>1318</v>
      </c>
      <c r="B1317" s="6">
        <v>87695</v>
      </c>
      <c r="C1317" s="6">
        <v>91913</v>
      </c>
      <c r="D1317" s="6">
        <f t="shared" si="40"/>
        <v>-4218</v>
      </c>
      <c r="E1317" s="7">
        <f t="shared" si="41"/>
        <v>-4.8098523290951593E-2</v>
      </c>
      <c r="H1317" s="8"/>
      <c r="S1317" s="8"/>
    </row>
    <row r="1318" spans="1:19">
      <c r="A1318" s="6">
        <v>1319</v>
      </c>
      <c r="B1318" s="6">
        <v>87694</v>
      </c>
      <c r="C1318" s="6">
        <v>92056</v>
      </c>
      <c r="D1318" s="6">
        <f t="shared" si="40"/>
        <v>-4362</v>
      </c>
      <c r="E1318" s="7">
        <f t="shared" si="41"/>
        <v>-4.9741145346317878E-2</v>
      </c>
      <c r="H1318" s="8"/>
      <c r="S1318" s="8"/>
    </row>
    <row r="1319" spans="1:19">
      <c r="A1319" s="6">
        <v>1320</v>
      </c>
      <c r="B1319" s="6">
        <v>87694</v>
      </c>
      <c r="C1319" s="6">
        <v>93540</v>
      </c>
      <c r="D1319" s="6">
        <f t="shared" si="40"/>
        <v>-5846</v>
      </c>
      <c r="E1319" s="7">
        <f t="shared" si="41"/>
        <v>-6.6663625789677744E-2</v>
      </c>
      <c r="H1319" s="8"/>
      <c r="S1319" s="8"/>
    </row>
    <row r="1320" spans="1:19">
      <c r="A1320" s="6">
        <v>1321</v>
      </c>
      <c r="B1320" s="6">
        <v>87486</v>
      </c>
      <c r="C1320" s="6">
        <v>93156</v>
      </c>
      <c r="D1320" s="6">
        <f t="shared" si="40"/>
        <v>-5670</v>
      </c>
      <c r="E1320" s="7">
        <f t="shared" si="41"/>
        <v>-6.4810369659145467E-2</v>
      </c>
      <c r="H1320" s="8"/>
      <c r="S1320" s="8"/>
    </row>
    <row r="1321" spans="1:19">
      <c r="A1321" s="6">
        <v>1322</v>
      </c>
      <c r="B1321" s="6">
        <v>87707</v>
      </c>
      <c r="C1321" s="6">
        <v>93103</v>
      </c>
      <c r="D1321" s="6">
        <f t="shared" si="40"/>
        <v>-5396</v>
      </c>
      <c r="E1321" s="7">
        <f t="shared" si="41"/>
        <v>-6.1523025528179051E-2</v>
      </c>
      <c r="H1321" s="8"/>
      <c r="S1321" s="8"/>
    </row>
    <row r="1322" spans="1:19">
      <c r="A1322" s="6">
        <v>1323</v>
      </c>
      <c r="B1322" s="6">
        <v>87346</v>
      </c>
      <c r="C1322" s="6">
        <v>93098</v>
      </c>
      <c r="D1322" s="6">
        <f t="shared" si="40"/>
        <v>-5752</v>
      </c>
      <c r="E1322" s="7">
        <f t="shared" si="41"/>
        <v>-6.5853044214961187E-2</v>
      </c>
      <c r="H1322" s="8"/>
      <c r="S1322" s="8"/>
    </row>
    <row r="1323" spans="1:19">
      <c r="A1323" s="6">
        <v>1324</v>
      </c>
      <c r="B1323" s="6">
        <v>87379</v>
      </c>
      <c r="C1323" s="6">
        <v>92765</v>
      </c>
      <c r="D1323" s="6">
        <f t="shared" si="40"/>
        <v>-5386</v>
      </c>
      <c r="E1323" s="7">
        <f t="shared" si="41"/>
        <v>-6.1639524370844252E-2</v>
      </c>
      <c r="H1323" s="8"/>
      <c r="S1323" s="8"/>
    </row>
    <row r="1324" spans="1:19">
      <c r="A1324" s="6">
        <v>1325</v>
      </c>
      <c r="B1324" s="6">
        <v>86894</v>
      </c>
      <c r="C1324" s="6">
        <v>92284</v>
      </c>
      <c r="D1324" s="6">
        <f t="shared" si="40"/>
        <v>-5390</v>
      </c>
      <c r="E1324" s="7">
        <f t="shared" si="41"/>
        <v>-6.2029599281883674E-2</v>
      </c>
      <c r="H1324" s="8"/>
      <c r="S1324" s="8"/>
    </row>
    <row r="1325" spans="1:19">
      <c r="A1325" s="6">
        <v>1326</v>
      </c>
      <c r="B1325" s="6">
        <v>86844</v>
      </c>
      <c r="C1325" s="6">
        <v>92697</v>
      </c>
      <c r="D1325" s="6">
        <f t="shared" si="40"/>
        <v>-5853</v>
      </c>
      <c r="E1325" s="7">
        <f t="shared" si="41"/>
        <v>-6.7396711344479762E-2</v>
      </c>
      <c r="H1325" s="8"/>
      <c r="S1325" s="8"/>
    </row>
    <row r="1326" spans="1:19">
      <c r="A1326" s="6">
        <v>1327</v>
      </c>
      <c r="B1326" s="6">
        <v>86846</v>
      </c>
      <c r="C1326" s="6">
        <v>92677</v>
      </c>
      <c r="D1326" s="6">
        <f t="shared" si="40"/>
        <v>-5831</v>
      </c>
      <c r="E1326" s="7">
        <f t="shared" si="41"/>
        <v>-6.7141837275176752E-2</v>
      </c>
      <c r="H1326" s="8"/>
      <c r="S1326" s="8"/>
    </row>
    <row r="1327" spans="1:19">
      <c r="A1327" s="6">
        <v>1328</v>
      </c>
      <c r="B1327" s="6">
        <v>88136</v>
      </c>
      <c r="C1327" s="6">
        <v>94348</v>
      </c>
      <c r="D1327" s="6">
        <f t="shared" si="40"/>
        <v>-6212</v>
      </c>
      <c r="E1327" s="7">
        <f t="shared" si="41"/>
        <v>-7.0481982390850503E-2</v>
      </c>
      <c r="H1327" s="8"/>
      <c r="S1327" s="8"/>
    </row>
    <row r="1328" spans="1:19">
      <c r="A1328" s="6">
        <v>1329</v>
      </c>
      <c r="B1328" s="6">
        <v>87699</v>
      </c>
      <c r="C1328" s="6">
        <v>93932</v>
      </c>
      <c r="D1328" s="6">
        <f t="shared" si="40"/>
        <v>-6233</v>
      </c>
      <c r="E1328" s="7">
        <f t="shared" si="41"/>
        <v>-7.1072646210333074E-2</v>
      </c>
      <c r="H1328" s="8"/>
      <c r="S1328" s="8"/>
    </row>
    <row r="1329" spans="1:19">
      <c r="A1329" s="6">
        <v>1330</v>
      </c>
      <c r="B1329" s="6">
        <v>87776</v>
      </c>
      <c r="C1329" s="6">
        <v>94128</v>
      </c>
      <c r="D1329" s="6">
        <f t="shared" si="40"/>
        <v>-6352</v>
      </c>
      <c r="E1329" s="7">
        <f t="shared" si="41"/>
        <v>-7.2366022602989424E-2</v>
      </c>
      <c r="H1329" s="8"/>
      <c r="S1329" s="8"/>
    </row>
    <row r="1330" spans="1:19">
      <c r="A1330" s="6">
        <v>1331</v>
      </c>
      <c r="B1330" s="6">
        <v>88250</v>
      </c>
      <c r="C1330" s="6">
        <v>93938</v>
      </c>
      <c r="D1330" s="6">
        <f t="shared" si="40"/>
        <v>-5688</v>
      </c>
      <c r="E1330" s="7">
        <f t="shared" si="41"/>
        <v>-6.4453257790368271E-2</v>
      </c>
      <c r="H1330" s="8"/>
      <c r="S1330" s="8"/>
    </row>
    <row r="1331" spans="1:19">
      <c r="A1331" s="6">
        <v>1332</v>
      </c>
      <c r="B1331" s="6">
        <v>87782</v>
      </c>
      <c r="C1331" s="6">
        <v>93571</v>
      </c>
      <c r="D1331" s="6">
        <f t="shared" si="40"/>
        <v>-5789</v>
      </c>
      <c r="E1331" s="7">
        <f t="shared" si="41"/>
        <v>-6.5947460755052284E-2</v>
      </c>
      <c r="H1331" s="8"/>
      <c r="S1331" s="8"/>
    </row>
    <row r="1332" spans="1:19">
      <c r="A1332" s="6">
        <v>1333</v>
      </c>
      <c r="B1332" s="6">
        <v>87305</v>
      </c>
      <c r="C1332" s="6">
        <v>93178</v>
      </c>
      <c r="D1332" s="6">
        <f t="shared" si="40"/>
        <v>-5873</v>
      </c>
      <c r="E1332" s="7">
        <f t="shared" si="41"/>
        <v>-6.7269915812381884E-2</v>
      </c>
      <c r="H1332" s="8"/>
      <c r="S1332" s="8"/>
    </row>
    <row r="1333" spans="1:19">
      <c r="A1333" s="6">
        <v>1334</v>
      </c>
      <c r="B1333" s="6">
        <v>87279</v>
      </c>
      <c r="C1333" s="6">
        <v>93535</v>
      </c>
      <c r="D1333" s="6">
        <f t="shared" si="40"/>
        <v>-6256</v>
      </c>
      <c r="E1333" s="7">
        <f t="shared" si="41"/>
        <v>-7.1678181464040605E-2</v>
      </c>
      <c r="H1333" s="8"/>
      <c r="S1333" s="8"/>
    </row>
    <row r="1334" spans="1:19">
      <c r="A1334" s="6">
        <v>1335</v>
      </c>
      <c r="B1334" s="6">
        <v>87302</v>
      </c>
      <c r="C1334" s="6">
        <v>93558</v>
      </c>
      <c r="D1334" s="6">
        <f t="shared" si="40"/>
        <v>-6256</v>
      </c>
      <c r="E1334" s="7">
        <f t="shared" si="41"/>
        <v>-7.1659297610593115E-2</v>
      </c>
      <c r="H1334" s="8"/>
      <c r="S1334" s="8"/>
    </row>
    <row r="1335" spans="1:19">
      <c r="A1335" s="6">
        <v>1336</v>
      </c>
      <c r="B1335" s="6">
        <v>87748</v>
      </c>
      <c r="C1335" s="6">
        <v>95197</v>
      </c>
      <c r="D1335" s="6">
        <f t="shared" si="40"/>
        <v>-7449</v>
      </c>
      <c r="E1335" s="7">
        <f t="shared" si="41"/>
        <v>-8.4890823722478012E-2</v>
      </c>
      <c r="H1335" s="8"/>
      <c r="S1335" s="8"/>
    </row>
    <row r="1336" spans="1:19">
      <c r="A1336" s="6">
        <v>1337</v>
      </c>
      <c r="B1336" s="6">
        <v>87273</v>
      </c>
      <c r="C1336" s="6">
        <v>94788</v>
      </c>
      <c r="D1336" s="6">
        <f t="shared" si="40"/>
        <v>-7515</v>
      </c>
      <c r="E1336" s="7">
        <f t="shared" si="41"/>
        <v>-8.610910590904404E-2</v>
      </c>
      <c r="H1336" s="8"/>
      <c r="S1336" s="8"/>
    </row>
    <row r="1337" spans="1:19">
      <c r="A1337" s="6">
        <v>1338</v>
      </c>
      <c r="B1337" s="6">
        <v>87278</v>
      </c>
      <c r="C1337" s="6">
        <v>94995</v>
      </c>
      <c r="D1337" s="6">
        <f t="shared" si="40"/>
        <v>-7717</v>
      </c>
      <c r="E1337" s="7">
        <f t="shared" si="41"/>
        <v>-8.8418616375260661E-2</v>
      </c>
      <c r="H1337" s="8"/>
      <c r="S1337" s="8"/>
    </row>
    <row r="1338" spans="1:19">
      <c r="A1338" s="6">
        <v>1339</v>
      </c>
      <c r="B1338" s="6">
        <v>87270</v>
      </c>
      <c r="C1338" s="6">
        <v>94844</v>
      </c>
      <c r="D1338" s="6">
        <f t="shared" si="40"/>
        <v>-7574</v>
      </c>
      <c r="E1338" s="7">
        <f t="shared" si="41"/>
        <v>-8.6788128795691533E-2</v>
      </c>
      <c r="H1338" s="8"/>
      <c r="S1338" s="8"/>
    </row>
    <row r="1339" spans="1:19">
      <c r="A1339" s="6">
        <v>1340</v>
      </c>
      <c r="B1339" s="6">
        <v>88168</v>
      </c>
      <c r="C1339" s="6">
        <v>94401</v>
      </c>
      <c r="D1339" s="6">
        <f t="shared" si="40"/>
        <v>-6233</v>
      </c>
      <c r="E1339" s="7">
        <f t="shared" si="41"/>
        <v>-7.0694583068687047E-2</v>
      </c>
      <c r="H1339" s="8"/>
      <c r="S1339" s="8"/>
    </row>
    <row r="1340" spans="1:19">
      <c r="A1340" s="6">
        <v>1341</v>
      </c>
      <c r="B1340" s="6">
        <v>88118</v>
      </c>
      <c r="C1340" s="6">
        <v>93932</v>
      </c>
      <c r="D1340" s="6">
        <f t="shared" si="40"/>
        <v>-5814</v>
      </c>
      <c r="E1340" s="7">
        <f t="shared" si="41"/>
        <v>-6.5979709026532607E-2</v>
      </c>
      <c r="H1340" s="8"/>
      <c r="S1340" s="8"/>
    </row>
    <row r="1341" spans="1:19">
      <c r="A1341" s="6">
        <v>1342</v>
      </c>
      <c r="B1341" s="6">
        <v>87295</v>
      </c>
      <c r="C1341" s="6">
        <v>94391</v>
      </c>
      <c r="D1341" s="6">
        <f t="shared" si="40"/>
        <v>-7096</v>
      </c>
      <c r="E1341" s="7">
        <f t="shared" si="41"/>
        <v>-8.1287588063462965E-2</v>
      </c>
      <c r="H1341" s="8"/>
      <c r="S1341" s="8"/>
    </row>
    <row r="1342" spans="1:19">
      <c r="A1342" s="6">
        <v>1343</v>
      </c>
      <c r="B1342" s="6">
        <v>87277</v>
      </c>
      <c r="C1342" s="6">
        <v>94379</v>
      </c>
      <c r="D1342" s="6">
        <f t="shared" si="40"/>
        <v>-7102</v>
      </c>
      <c r="E1342" s="7">
        <f t="shared" si="41"/>
        <v>-8.1373099442006491E-2</v>
      </c>
      <c r="H1342" s="8"/>
      <c r="S1342" s="8"/>
    </row>
    <row r="1343" spans="1:19">
      <c r="A1343" s="6">
        <v>1344</v>
      </c>
      <c r="B1343" s="6">
        <v>80589</v>
      </c>
      <c r="C1343" s="6">
        <v>80769</v>
      </c>
      <c r="D1343" s="6">
        <f t="shared" si="40"/>
        <v>-180</v>
      </c>
      <c r="E1343" s="7">
        <f t="shared" si="41"/>
        <v>-2.2335554480139969E-3</v>
      </c>
      <c r="H1343" s="8"/>
      <c r="S1343" s="8"/>
    </row>
    <row r="1344" spans="1:19">
      <c r="A1344" s="6">
        <v>1345</v>
      </c>
      <c r="B1344" s="6">
        <v>91873</v>
      </c>
      <c r="C1344" s="6">
        <v>90194</v>
      </c>
      <c r="D1344" s="6">
        <f t="shared" si="40"/>
        <v>1679</v>
      </c>
      <c r="E1344" s="7">
        <f t="shared" si="41"/>
        <v>1.8275227760060082E-2</v>
      </c>
      <c r="H1344" s="8"/>
      <c r="S1344" s="8"/>
    </row>
    <row r="1345" spans="1:19">
      <c r="A1345" s="6">
        <v>1346</v>
      </c>
      <c r="B1345" s="6">
        <v>91857</v>
      </c>
      <c r="C1345" s="6">
        <v>90251</v>
      </c>
      <c r="D1345" s="6">
        <f t="shared" si="40"/>
        <v>1606</v>
      </c>
      <c r="E1345" s="7">
        <f t="shared" si="41"/>
        <v>1.7483697486310242E-2</v>
      </c>
      <c r="H1345" s="8"/>
      <c r="S1345" s="8"/>
    </row>
    <row r="1346" spans="1:19">
      <c r="A1346" s="6">
        <v>1347</v>
      </c>
      <c r="B1346" s="6">
        <v>91919</v>
      </c>
      <c r="C1346" s="6">
        <v>90211</v>
      </c>
      <c r="D1346" s="6">
        <f t="shared" si="40"/>
        <v>1708</v>
      </c>
      <c r="E1346" s="7">
        <f t="shared" si="41"/>
        <v>1.8581577258238231E-2</v>
      </c>
      <c r="H1346" s="8"/>
      <c r="S1346" s="8"/>
    </row>
    <row r="1347" spans="1:19">
      <c r="A1347" s="6">
        <v>1348</v>
      </c>
      <c r="B1347" s="6">
        <v>91450</v>
      </c>
      <c r="C1347" s="6">
        <v>89782</v>
      </c>
      <c r="D1347" s="6">
        <f t="shared" si="40"/>
        <v>1668</v>
      </c>
      <c r="E1347" s="7">
        <f t="shared" si="41"/>
        <v>1.8239475123018042E-2</v>
      </c>
      <c r="H1347" s="8"/>
      <c r="S1347" s="8"/>
    </row>
    <row r="1348" spans="1:19">
      <c r="A1348" s="6">
        <v>1349</v>
      </c>
      <c r="B1348" s="6">
        <v>91043</v>
      </c>
      <c r="C1348" s="6">
        <v>89348</v>
      </c>
      <c r="D1348" s="6">
        <f t="shared" ref="D1348:D1411" si="42">B1348-C1348</f>
        <v>1695</v>
      </c>
      <c r="E1348" s="7">
        <f t="shared" ref="E1348:E1411" si="43">D1348/B1348</f>
        <v>1.8617576310095231E-2</v>
      </c>
      <c r="H1348" s="8"/>
      <c r="S1348" s="8"/>
    </row>
    <row r="1349" spans="1:19">
      <c r="A1349" s="6">
        <v>1350</v>
      </c>
      <c r="B1349" s="6">
        <v>91627</v>
      </c>
      <c r="C1349" s="6">
        <v>89790</v>
      </c>
      <c r="D1349" s="6">
        <f t="shared" si="42"/>
        <v>1837</v>
      </c>
      <c r="E1349" s="7">
        <f t="shared" si="43"/>
        <v>2.0048675608717953E-2</v>
      </c>
      <c r="H1349" s="8"/>
      <c r="S1349" s="8"/>
    </row>
    <row r="1350" spans="1:19">
      <c r="A1350" s="6">
        <v>1351</v>
      </c>
      <c r="B1350" s="6">
        <v>91572</v>
      </c>
      <c r="C1350" s="6">
        <v>89803</v>
      </c>
      <c r="D1350" s="6">
        <f t="shared" si="42"/>
        <v>1769</v>
      </c>
      <c r="E1350" s="7">
        <f t="shared" si="43"/>
        <v>1.9318132180142403E-2</v>
      </c>
      <c r="H1350" s="8"/>
      <c r="S1350" s="8"/>
    </row>
    <row r="1351" spans="1:19">
      <c r="A1351" s="6">
        <v>1352</v>
      </c>
      <c r="B1351" s="6">
        <v>91527</v>
      </c>
      <c r="C1351" s="6">
        <v>91452</v>
      </c>
      <c r="D1351" s="6">
        <f t="shared" si="42"/>
        <v>75</v>
      </c>
      <c r="E1351" s="7">
        <f t="shared" si="43"/>
        <v>8.194303320331705E-4</v>
      </c>
      <c r="H1351" s="8"/>
      <c r="S1351" s="8"/>
    </row>
    <row r="1352" spans="1:19">
      <c r="A1352" s="6">
        <v>1353</v>
      </c>
      <c r="B1352" s="6">
        <v>91086</v>
      </c>
      <c r="C1352" s="6">
        <v>91036</v>
      </c>
      <c r="D1352" s="6">
        <f t="shared" si="42"/>
        <v>50</v>
      </c>
      <c r="E1352" s="7">
        <f t="shared" si="43"/>
        <v>5.4893177875853585E-4</v>
      </c>
      <c r="H1352" s="8"/>
      <c r="S1352" s="8"/>
    </row>
    <row r="1353" spans="1:19">
      <c r="A1353" s="6">
        <v>1354</v>
      </c>
      <c r="B1353" s="6">
        <v>91030</v>
      </c>
      <c r="C1353" s="6">
        <v>91021</v>
      </c>
      <c r="D1353" s="6">
        <f t="shared" si="42"/>
        <v>9</v>
      </c>
      <c r="E1353" s="7">
        <f t="shared" si="43"/>
        <v>9.8868504888498295E-5</v>
      </c>
      <c r="H1353" s="8"/>
      <c r="S1353" s="8"/>
    </row>
    <row r="1354" spans="1:19">
      <c r="A1354" s="6">
        <v>1355</v>
      </c>
      <c r="B1354" s="6">
        <v>91114</v>
      </c>
      <c r="C1354" s="6">
        <v>91075</v>
      </c>
      <c r="D1354" s="6">
        <f t="shared" si="42"/>
        <v>39</v>
      </c>
      <c r="E1354" s="7">
        <f t="shared" si="43"/>
        <v>4.2803520863972605E-4</v>
      </c>
      <c r="H1354" s="8"/>
      <c r="S1354" s="8"/>
    </row>
    <row r="1355" spans="1:19">
      <c r="A1355" s="6">
        <v>1356</v>
      </c>
      <c r="B1355" s="6">
        <v>90999</v>
      </c>
      <c r="C1355" s="6">
        <v>90609</v>
      </c>
      <c r="D1355" s="6">
        <f t="shared" si="42"/>
        <v>390</v>
      </c>
      <c r="E1355" s="7">
        <f t="shared" si="43"/>
        <v>4.2857613819932087E-3</v>
      </c>
      <c r="H1355" s="8"/>
      <c r="S1355" s="8"/>
    </row>
    <row r="1356" spans="1:19">
      <c r="A1356" s="6">
        <v>1357</v>
      </c>
      <c r="B1356" s="6">
        <v>90608</v>
      </c>
      <c r="C1356" s="6">
        <v>90178</v>
      </c>
      <c r="D1356" s="6">
        <f t="shared" si="42"/>
        <v>430</v>
      </c>
      <c r="E1356" s="7">
        <f t="shared" si="43"/>
        <v>4.7457178174112663E-3</v>
      </c>
      <c r="H1356" s="8"/>
      <c r="S1356" s="8"/>
    </row>
    <row r="1357" spans="1:19">
      <c r="A1357" s="6">
        <v>1358</v>
      </c>
      <c r="B1357" s="6">
        <v>90618</v>
      </c>
      <c r="C1357" s="6">
        <v>90608</v>
      </c>
      <c r="D1357" s="6">
        <f t="shared" si="42"/>
        <v>10</v>
      </c>
      <c r="E1357" s="7">
        <f t="shared" si="43"/>
        <v>1.1035335143128296E-4</v>
      </c>
      <c r="H1357" s="8"/>
      <c r="S1357" s="8"/>
    </row>
    <row r="1358" spans="1:19">
      <c r="A1358" s="6">
        <v>1359</v>
      </c>
      <c r="B1358" s="6">
        <v>90599</v>
      </c>
      <c r="C1358" s="6">
        <v>90660</v>
      </c>
      <c r="D1358" s="6">
        <f t="shared" si="42"/>
        <v>-61</v>
      </c>
      <c r="E1358" s="7">
        <f t="shared" si="43"/>
        <v>-6.7329661475292216E-4</v>
      </c>
      <c r="H1358" s="8"/>
      <c r="S1358" s="8"/>
    </row>
    <row r="1359" spans="1:19">
      <c r="A1359" s="6">
        <v>1360</v>
      </c>
      <c r="B1359" s="6">
        <v>91442</v>
      </c>
      <c r="C1359" s="6">
        <v>94369</v>
      </c>
      <c r="D1359" s="6">
        <f t="shared" si="42"/>
        <v>-2927</v>
      </c>
      <c r="E1359" s="7">
        <f t="shared" si="43"/>
        <v>-3.2009361125084755E-2</v>
      </c>
      <c r="H1359" s="8"/>
      <c r="S1359" s="8"/>
    </row>
    <row r="1360" spans="1:19">
      <c r="A1360" s="6">
        <v>1361</v>
      </c>
      <c r="B1360" s="6">
        <v>91043</v>
      </c>
      <c r="C1360" s="6">
        <v>94133</v>
      </c>
      <c r="D1360" s="6">
        <f t="shared" si="42"/>
        <v>-3090</v>
      </c>
      <c r="E1360" s="7">
        <f t="shared" si="43"/>
        <v>-3.3940006370616081E-2</v>
      </c>
      <c r="H1360" s="8"/>
      <c r="S1360" s="8"/>
    </row>
    <row r="1361" spans="1:19">
      <c r="A1361" s="6">
        <v>1362</v>
      </c>
      <c r="B1361" s="6">
        <v>91088</v>
      </c>
      <c r="C1361" s="6">
        <v>93950</v>
      </c>
      <c r="D1361" s="6">
        <f t="shared" si="42"/>
        <v>-2862</v>
      </c>
      <c r="E1361" s="7">
        <f t="shared" si="43"/>
        <v>-3.1420165115053578E-2</v>
      </c>
      <c r="H1361" s="8"/>
      <c r="S1361" s="8"/>
    </row>
    <row r="1362" spans="1:19">
      <c r="A1362" s="6">
        <v>1363</v>
      </c>
      <c r="B1362" s="6">
        <v>91189</v>
      </c>
      <c r="C1362" s="6">
        <v>93941</v>
      </c>
      <c r="D1362" s="6">
        <f t="shared" si="42"/>
        <v>-2752</v>
      </c>
      <c r="E1362" s="7">
        <f t="shared" si="43"/>
        <v>-3.0179078616938446E-2</v>
      </c>
      <c r="H1362" s="8"/>
      <c r="S1362" s="8"/>
    </row>
    <row r="1363" spans="1:19">
      <c r="A1363" s="6">
        <v>1364</v>
      </c>
      <c r="B1363" s="6">
        <v>91015</v>
      </c>
      <c r="C1363" s="6">
        <v>93558</v>
      </c>
      <c r="D1363" s="6">
        <f t="shared" si="42"/>
        <v>-2543</v>
      </c>
      <c r="E1363" s="7">
        <f t="shared" si="43"/>
        <v>-2.7940449376476405E-2</v>
      </c>
      <c r="H1363" s="8"/>
      <c r="S1363" s="8"/>
    </row>
    <row r="1364" spans="1:19">
      <c r="A1364" s="6">
        <v>1365</v>
      </c>
      <c r="B1364" s="6">
        <v>90624</v>
      </c>
      <c r="C1364" s="6">
        <v>93114</v>
      </c>
      <c r="D1364" s="6">
        <f t="shared" si="42"/>
        <v>-2490</v>
      </c>
      <c r="E1364" s="7">
        <f t="shared" si="43"/>
        <v>-2.7476165254237288E-2</v>
      </c>
      <c r="H1364" s="8"/>
      <c r="S1364" s="8"/>
    </row>
    <row r="1365" spans="1:19">
      <c r="A1365" s="6">
        <v>1366</v>
      </c>
      <c r="B1365" s="6">
        <v>90815</v>
      </c>
      <c r="C1365" s="6">
        <v>93536</v>
      </c>
      <c r="D1365" s="6">
        <f t="shared" si="42"/>
        <v>-2721</v>
      </c>
      <c r="E1365" s="7">
        <f t="shared" si="43"/>
        <v>-2.996201068105489E-2</v>
      </c>
      <c r="H1365" s="8"/>
      <c r="S1365" s="8"/>
    </row>
    <row r="1366" spans="1:19">
      <c r="A1366" s="6">
        <v>1367</v>
      </c>
      <c r="B1366" s="6">
        <v>90621</v>
      </c>
      <c r="C1366" s="6">
        <v>93547</v>
      </c>
      <c r="D1366" s="6">
        <f t="shared" si="42"/>
        <v>-2926</v>
      </c>
      <c r="E1366" s="7">
        <f t="shared" si="43"/>
        <v>-3.2288321691440171E-2</v>
      </c>
      <c r="H1366" s="8"/>
      <c r="S1366" s="8"/>
    </row>
    <row r="1367" spans="1:19">
      <c r="A1367" s="6">
        <v>1368</v>
      </c>
      <c r="B1367" s="6">
        <v>90743</v>
      </c>
      <c r="C1367" s="6">
        <v>95194</v>
      </c>
      <c r="D1367" s="6">
        <f t="shared" si="42"/>
        <v>-4451</v>
      </c>
      <c r="E1367" s="7">
        <f t="shared" si="43"/>
        <v>-4.9050615474471863E-2</v>
      </c>
      <c r="H1367" s="8"/>
      <c r="S1367" s="8"/>
    </row>
    <row r="1368" spans="1:19">
      <c r="A1368" s="6">
        <v>1369</v>
      </c>
      <c r="B1368" s="6">
        <v>90272</v>
      </c>
      <c r="C1368" s="6">
        <v>94845</v>
      </c>
      <c r="D1368" s="6">
        <f t="shared" si="42"/>
        <v>-4573</v>
      </c>
      <c r="E1368" s="7">
        <f t="shared" si="43"/>
        <v>-5.0658011343495214E-2</v>
      </c>
      <c r="H1368" s="8"/>
      <c r="S1368" s="8"/>
    </row>
    <row r="1369" spans="1:19">
      <c r="A1369" s="6">
        <v>1370</v>
      </c>
      <c r="B1369" s="6">
        <v>90242</v>
      </c>
      <c r="C1369" s="6">
        <v>94854</v>
      </c>
      <c r="D1369" s="6">
        <f t="shared" si="42"/>
        <v>-4612</v>
      </c>
      <c r="E1369" s="7">
        <f t="shared" si="43"/>
        <v>-5.110702333724873E-2</v>
      </c>
      <c r="H1369" s="8"/>
      <c r="S1369" s="8"/>
    </row>
    <row r="1370" spans="1:19">
      <c r="A1370" s="6">
        <v>1371</v>
      </c>
      <c r="B1370" s="6">
        <v>90225</v>
      </c>
      <c r="C1370" s="6">
        <v>94783</v>
      </c>
      <c r="D1370" s="6">
        <f t="shared" si="42"/>
        <v>-4558</v>
      </c>
      <c r="E1370" s="7">
        <f t="shared" si="43"/>
        <v>-5.051814907176503E-2</v>
      </c>
      <c r="H1370" s="8"/>
      <c r="S1370" s="8"/>
    </row>
    <row r="1371" spans="1:19">
      <c r="A1371" s="6">
        <v>1372</v>
      </c>
      <c r="B1371" s="6">
        <v>90662</v>
      </c>
      <c r="C1371" s="6">
        <v>94516</v>
      </c>
      <c r="D1371" s="6">
        <f t="shared" si="42"/>
        <v>-3854</v>
      </c>
      <c r="E1371" s="7">
        <f t="shared" si="43"/>
        <v>-4.2509540932253863E-2</v>
      </c>
      <c r="H1371" s="8"/>
      <c r="S1371" s="8"/>
    </row>
    <row r="1372" spans="1:19">
      <c r="A1372" s="6">
        <v>1373</v>
      </c>
      <c r="B1372" s="6">
        <v>90239</v>
      </c>
      <c r="C1372" s="6">
        <v>93958</v>
      </c>
      <c r="D1372" s="6">
        <f t="shared" si="42"/>
        <v>-3719</v>
      </c>
      <c r="E1372" s="7">
        <f t="shared" si="43"/>
        <v>-4.1212779396934809E-2</v>
      </c>
      <c r="H1372" s="8"/>
      <c r="S1372" s="8"/>
    </row>
    <row r="1373" spans="1:19">
      <c r="A1373" s="6">
        <v>1374</v>
      </c>
      <c r="B1373" s="6">
        <v>90252</v>
      </c>
      <c r="C1373" s="6">
        <v>94401</v>
      </c>
      <c r="D1373" s="6">
        <f t="shared" si="42"/>
        <v>-4149</v>
      </c>
      <c r="E1373" s="7">
        <f t="shared" si="43"/>
        <v>-4.5971280414838452E-2</v>
      </c>
      <c r="H1373" s="8"/>
      <c r="S1373" s="8"/>
    </row>
    <row r="1374" spans="1:19">
      <c r="A1374" s="6">
        <v>1375</v>
      </c>
      <c r="B1374" s="6">
        <v>90332</v>
      </c>
      <c r="C1374" s="6">
        <v>94375</v>
      </c>
      <c r="D1374" s="6">
        <f t="shared" si="42"/>
        <v>-4043</v>
      </c>
      <c r="E1374" s="7">
        <f t="shared" si="43"/>
        <v>-4.4757118186246295E-2</v>
      </c>
      <c r="H1374" s="8"/>
      <c r="S1374" s="8"/>
    </row>
    <row r="1375" spans="1:19">
      <c r="A1375" s="6">
        <v>1376</v>
      </c>
      <c r="B1375" s="6">
        <v>91879</v>
      </c>
      <c r="C1375" s="6">
        <v>96112</v>
      </c>
      <c r="D1375" s="6">
        <f t="shared" si="42"/>
        <v>-4233</v>
      </c>
      <c r="E1375" s="7">
        <f t="shared" si="43"/>
        <v>-4.60714635553282E-2</v>
      </c>
      <c r="H1375" s="8"/>
      <c r="S1375" s="8"/>
    </row>
    <row r="1376" spans="1:19">
      <c r="A1376" s="6">
        <v>1377</v>
      </c>
      <c r="B1376" s="6">
        <v>91429</v>
      </c>
      <c r="C1376" s="6">
        <v>95613</v>
      </c>
      <c r="D1376" s="6">
        <f t="shared" si="42"/>
        <v>-4184</v>
      </c>
      <c r="E1376" s="7">
        <f t="shared" si="43"/>
        <v>-4.5762285489286771E-2</v>
      </c>
      <c r="H1376" s="8"/>
      <c r="S1376" s="8"/>
    </row>
    <row r="1377" spans="1:19">
      <c r="A1377" s="6">
        <v>1378</v>
      </c>
      <c r="B1377" s="6">
        <v>91433</v>
      </c>
      <c r="C1377" s="6">
        <v>96766</v>
      </c>
      <c r="D1377" s="6">
        <f t="shared" si="42"/>
        <v>-5333</v>
      </c>
      <c r="E1377" s="7">
        <f t="shared" si="43"/>
        <v>-5.8326862292607702E-2</v>
      </c>
      <c r="H1377" s="8"/>
      <c r="S1377" s="8"/>
    </row>
    <row r="1378" spans="1:19">
      <c r="A1378" s="6">
        <v>1379</v>
      </c>
      <c r="B1378" s="6">
        <v>91674</v>
      </c>
      <c r="C1378" s="6">
        <v>95640</v>
      </c>
      <c r="D1378" s="6">
        <f t="shared" si="42"/>
        <v>-3966</v>
      </c>
      <c r="E1378" s="7">
        <f t="shared" si="43"/>
        <v>-4.3261993585967669E-2</v>
      </c>
      <c r="H1378" s="8"/>
      <c r="S1378" s="8"/>
    </row>
    <row r="1379" spans="1:19">
      <c r="A1379" s="6">
        <v>1380</v>
      </c>
      <c r="B1379" s="6">
        <v>91033</v>
      </c>
      <c r="C1379" s="6">
        <v>95201</v>
      </c>
      <c r="D1379" s="6">
        <f t="shared" si="42"/>
        <v>-4168</v>
      </c>
      <c r="E1379" s="7">
        <f t="shared" si="43"/>
        <v>-4.5785594235057618E-2</v>
      </c>
      <c r="H1379" s="8"/>
      <c r="S1379" s="8"/>
    </row>
    <row r="1380" spans="1:19">
      <c r="A1380" s="6">
        <v>1381</v>
      </c>
      <c r="B1380" s="6">
        <v>90614</v>
      </c>
      <c r="C1380" s="6">
        <v>94771</v>
      </c>
      <c r="D1380" s="6">
        <f t="shared" si="42"/>
        <v>-4157</v>
      </c>
      <c r="E1380" s="7">
        <f t="shared" si="43"/>
        <v>-4.5875913214293594E-2</v>
      </c>
      <c r="H1380" s="8"/>
      <c r="S1380" s="8"/>
    </row>
    <row r="1381" spans="1:19">
      <c r="A1381" s="6">
        <v>1382</v>
      </c>
      <c r="B1381" s="6">
        <v>91251</v>
      </c>
      <c r="C1381" s="6">
        <v>95196</v>
      </c>
      <c r="D1381" s="6">
        <f t="shared" si="42"/>
        <v>-3945</v>
      </c>
      <c r="E1381" s="7">
        <f t="shared" si="43"/>
        <v>-4.32324029325706E-2</v>
      </c>
      <c r="H1381" s="8"/>
      <c r="S1381" s="8"/>
    </row>
    <row r="1382" spans="1:19">
      <c r="A1382" s="6">
        <v>1383</v>
      </c>
      <c r="B1382" s="6">
        <v>91032</v>
      </c>
      <c r="C1382" s="6">
        <v>95203</v>
      </c>
      <c r="D1382" s="6">
        <f t="shared" si="42"/>
        <v>-4171</v>
      </c>
      <c r="E1382" s="7">
        <f t="shared" si="43"/>
        <v>-4.5819052640829597E-2</v>
      </c>
      <c r="H1382" s="8"/>
      <c r="S1382" s="8"/>
    </row>
    <row r="1383" spans="1:19">
      <c r="A1383" s="6">
        <v>1384</v>
      </c>
      <c r="B1383" s="6">
        <v>91083</v>
      </c>
      <c r="C1383" s="6">
        <v>96954</v>
      </c>
      <c r="D1383" s="6">
        <f t="shared" si="42"/>
        <v>-5871</v>
      </c>
      <c r="E1383" s="7">
        <f t="shared" si="43"/>
        <v>-6.4457692434373048E-2</v>
      </c>
      <c r="H1383" s="8"/>
      <c r="S1383" s="8"/>
    </row>
    <row r="1384" spans="1:19">
      <c r="A1384" s="6">
        <v>1385</v>
      </c>
      <c r="B1384" s="6">
        <v>90611</v>
      </c>
      <c r="C1384" s="6">
        <v>96467</v>
      </c>
      <c r="D1384" s="6">
        <f t="shared" si="42"/>
        <v>-5856</v>
      </c>
      <c r="E1384" s="7">
        <f t="shared" si="43"/>
        <v>-6.4627914933065522E-2</v>
      </c>
      <c r="H1384" s="8"/>
      <c r="S1384" s="8"/>
    </row>
    <row r="1385" spans="1:19">
      <c r="A1385" s="6">
        <v>1386</v>
      </c>
      <c r="B1385" s="6">
        <v>90617</v>
      </c>
      <c r="C1385" s="6">
        <v>96510</v>
      </c>
      <c r="D1385" s="6">
        <f t="shared" si="42"/>
        <v>-5893</v>
      </c>
      <c r="E1385" s="7">
        <f t="shared" si="43"/>
        <v>-6.5031947647792354E-2</v>
      </c>
      <c r="H1385" s="8"/>
      <c r="S1385" s="8"/>
    </row>
    <row r="1386" spans="1:19">
      <c r="A1386" s="6">
        <v>1387</v>
      </c>
      <c r="B1386" s="6">
        <v>90676</v>
      </c>
      <c r="C1386" s="6">
        <v>96459</v>
      </c>
      <c r="D1386" s="6">
        <f t="shared" si="42"/>
        <v>-5783</v>
      </c>
      <c r="E1386" s="7">
        <f t="shared" si="43"/>
        <v>-6.3776523004984778E-2</v>
      </c>
      <c r="H1386" s="8"/>
      <c r="S1386" s="8"/>
    </row>
    <row r="1387" spans="1:19">
      <c r="A1387" s="6">
        <v>1388</v>
      </c>
      <c r="B1387" s="6">
        <v>90667</v>
      </c>
      <c r="C1387" s="6">
        <v>96039</v>
      </c>
      <c r="D1387" s="6">
        <f t="shared" si="42"/>
        <v>-5372</v>
      </c>
      <c r="E1387" s="7">
        <f t="shared" si="43"/>
        <v>-5.924978216991849E-2</v>
      </c>
      <c r="H1387" s="8"/>
      <c r="S1387" s="8"/>
    </row>
    <row r="1388" spans="1:19">
      <c r="A1388" s="6">
        <v>1389</v>
      </c>
      <c r="B1388" s="6">
        <v>90227</v>
      </c>
      <c r="C1388" s="6">
        <v>95675</v>
      </c>
      <c r="D1388" s="6">
        <f t="shared" si="42"/>
        <v>-5448</v>
      </c>
      <c r="E1388" s="7">
        <f t="shared" si="43"/>
        <v>-6.0381038935130284E-2</v>
      </c>
      <c r="H1388" s="8"/>
      <c r="S1388" s="8"/>
    </row>
    <row r="1389" spans="1:19">
      <c r="A1389" s="6">
        <v>1390</v>
      </c>
      <c r="B1389" s="6">
        <v>90202</v>
      </c>
      <c r="C1389" s="6">
        <v>96094</v>
      </c>
      <c r="D1389" s="6">
        <f t="shared" si="42"/>
        <v>-5892</v>
      </c>
      <c r="E1389" s="7">
        <f t="shared" si="43"/>
        <v>-6.5320059422185758E-2</v>
      </c>
      <c r="H1389" s="8"/>
      <c r="S1389" s="8"/>
    </row>
    <row r="1390" spans="1:19">
      <c r="A1390" s="6">
        <v>1391</v>
      </c>
      <c r="B1390" s="6">
        <v>90182</v>
      </c>
      <c r="C1390" s="6">
        <v>96015</v>
      </c>
      <c r="D1390" s="6">
        <f t="shared" si="42"/>
        <v>-5833</v>
      </c>
      <c r="E1390" s="7">
        <f t="shared" si="43"/>
        <v>-6.4680313144529947E-2</v>
      </c>
      <c r="H1390" s="8"/>
      <c r="S1390" s="8"/>
    </row>
    <row r="1391" spans="1:19">
      <c r="A1391" s="6">
        <v>1392</v>
      </c>
      <c r="B1391" s="6">
        <v>91509</v>
      </c>
      <c r="C1391" s="6">
        <v>97718</v>
      </c>
      <c r="D1391" s="6">
        <f t="shared" si="42"/>
        <v>-6209</v>
      </c>
      <c r="E1391" s="7">
        <f t="shared" si="43"/>
        <v>-6.78512496038641E-2</v>
      </c>
      <c r="H1391" s="8"/>
      <c r="S1391" s="8"/>
    </row>
    <row r="1392" spans="1:19">
      <c r="A1392" s="6">
        <v>1393</v>
      </c>
      <c r="B1392" s="6">
        <v>91023</v>
      </c>
      <c r="C1392" s="6">
        <v>97339</v>
      </c>
      <c r="D1392" s="6">
        <f t="shared" si="42"/>
        <v>-6316</v>
      </c>
      <c r="E1392" s="7">
        <f t="shared" si="43"/>
        <v>-6.9389055513441655E-2</v>
      </c>
      <c r="H1392" s="8"/>
      <c r="S1392" s="8"/>
    </row>
    <row r="1393" spans="1:19">
      <c r="A1393" s="6">
        <v>1394</v>
      </c>
      <c r="B1393" s="6">
        <v>91607</v>
      </c>
      <c r="C1393" s="6">
        <v>97300</v>
      </c>
      <c r="D1393" s="6">
        <f t="shared" si="42"/>
        <v>-5693</v>
      </c>
      <c r="E1393" s="7">
        <f t="shared" si="43"/>
        <v>-6.2145905880554977E-2</v>
      </c>
      <c r="H1393" s="8"/>
      <c r="S1393" s="8"/>
    </row>
    <row r="1394" spans="1:19">
      <c r="A1394" s="6">
        <v>1395</v>
      </c>
      <c r="B1394" s="6">
        <v>91250</v>
      </c>
      <c r="C1394" s="6">
        <v>97291</v>
      </c>
      <c r="D1394" s="6">
        <f t="shared" si="42"/>
        <v>-6041</v>
      </c>
      <c r="E1394" s="7">
        <f t="shared" si="43"/>
        <v>-6.6202739726027401E-2</v>
      </c>
      <c r="H1394" s="8"/>
      <c r="S1394" s="8"/>
    </row>
    <row r="1395" spans="1:19">
      <c r="A1395" s="6">
        <v>1396</v>
      </c>
      <c r="B1395" s="6">
        <v>91047</v>
      </c>
      <c r="C1395" s="6">
        <v>96869</v>
      </c>
      <c r="D1395" s="6">
        <f t="shared" si="42"/>
        <v>-5822</v>
      </c>
      <c r="E1395" s="7">
        <f t="shared" si="43"/>
        <v>-6.394499544191462E-2</v>
      </c>
      <c r="H1395" s="8"/>
      <c r="S1395" s="8"/>
    </row>
    <row r="1396" spans="1:19">
      <c r="A1396" s="6">
        <v>1397</v>
      </c>
      <c r="B1396" s="6">
        <v>90611</v>
      </c>
      <c r="C1396" s="6">
        <v>96466</v>
      </c>
      <c r="D1396" s="6">
        <f t="shared" si="42"/>
        <v>-5855</v>
      </c>
      <c r="E1396" s="7">
        <f t="shared" si="43"/>
        <v>-6.4616878745406184E-2</v>
      </c>
      <c r="H1396" s="8"/>
      <c r="S1396" s="8"/>
    </row>
    <row r="1397" spans="1:19">
      <c r="A1397" s="6">
        <v>1398</v>
      </c>
      <c r="B1397" s="6">
        <v>90633</v>
      </c>
      <c r="C1397" s="6">
        <v>96858</v>
      </c>
      <c r="D1397" s="6">
        <f t="shared" si="42"/>
        <v>-6225</v>
      </c>
      <c r="E1397" s="7">
        <f t="shared" si="43"/>
        <v>-6.8683592069113897E-2</v>
      </c>
      <c r="H1397" s="8"/>
      <c r="S1397" s="8"/>
    </row>
    <row r="1398" spans="1:19">
      <c r="A1398" s="6">
        <v>1399</v>
      </c>
      <c r="B1398" s="6">
        <v>90600</v>
      </c>
      <c r="C1398" s="6">
        <v>96874</v>
      </c>
      <c r="D1398" s="6">
        <f t="shared" si="42"/>
        <v>-6274</v>
      </c>
      <c r="E1398" s="7">
        <f t="shared" si="43"/>
        <v>-6.9249448123620314E-2</v>
      </c>
      <c r="H1398" s="8"/>
      <c r="S1398" s="8"/>
    </row>
    <row r="1399" spans="1:19">
      <c r="A1399" s="6">
        <v>1400</v>
      </c>
      <c r="B1399" s="6">
        <v>91031</v>
      </c>
      <c r="C1399" s="6">
        <v>98536</v>
      </c>
      <c r="D1399" s="6">
        <f t="shared" si="42"/>
        <v>-7505</v>
      </c>
      <c r="E1399" s="7">
        <f t="shared" si="43"/>
        <v>-8.244444200327361E-2</v>
      </c>
      <c r="H1399" s="8"/>
      <c r="S1399" s="8"/>
    </row>
    <row r="1400" spans="1:19">
      <c r="A1400" s="6">
        <v>1401</v>
      </c>
      <c r="B1400" s="6">
        <v>90704</v>
      </c>
      <c r="C1400" s="6">
        <v>98111</v>
      </c>
      <c r="D1400" s="6">
        <f t="shared" si="42"/>
        <v>-7407</v>
      </c>
      <c r="E1400" s="7">
        <f t="shared" si="43"/>
        <v>-8.166122772975834E-2</v>
      </c>
      <c r="H1400" s="8"/>
      <c r="S1400" s="8"/>
    </row>
    <row r="1401" spans="1:19">
      <c r="A1401" s="6">
        <v>1402</v>
      </c>
      <c r="B1401" s="6">
        <v>90590</v>
      </c>
      <c r="C1401" s="6">
        <v>98145</v>
      </c>
      <c r="D1401" s="6">
        <f t="shared" si="42"/>
        <v>-7555</v>
      </c>
      <c r="E1401" s="7">
        <f t="shared" si="43"/>
        <v>-8.339772601832432E-2</v>
      </c>
      <c r="H1401" s="8"/>
      <c r="S1401" s="8"/>
    </row>
    <row r="1402" spans="1:19">
      <c r="A1402" s="6">
        <v>1403</v>
      </c>
      <c r="B1402" s="6">
        <v>90605</v>
      </c>
      <c r="C1402" s="6">
        <v>98113</v>
      </c>
      <c r="D1402" s="6">
        <f t="shared" si="42"/>
        <v>-7508</v>
      </c>
      <c r="E1402" s="7">
        <f t="shared" si="43"/>
        <v>-8.2865184040615866E-2</v>
      </c>
      <c r="H1402" s="8"/>
      <c r="S1402" s="8"/>
    </row>
    <row r="1403" spans="1:19">
      <c r="A1403" s="6">
        <v>1404</v>
      </c>
      <c r="B1403" s="6">
        <v>90665</v>
      </c>
      <c r="C1403" s="6">
        <v>97846</v>
      </c>
      <c r="D1403" s="6">
        <f t="shared" si="42"/>
        <v>-7181</v>
      </c>
      <c r="E1403" s="7">
        <f t="shared" si="43"/>
        <v>-7.9203661832018976E-2</v>
      </c>
      <c r="H1403" s="8"/>
      <c r="S1403" s="8"/>
    </row>
    <row r="1404" spans="1:19">
      <c r="A1404" s="6">
        <v>1405</v>
      </c>
      <c r="B1404" s="6">
        <v>90660</v>
      </c>
      <c r="C1404" s="6">
        <v>97299</v>
      </c>
      <c r="D1404" s="6">
        <f t="shared" si="42"/>
        <v>-6639</v>
      </c>
      <c r="E1404" s="7">
        <f t="shared" si="43"/>
        <v>-7.3229649238914632E-2</v>
      </c>
      <c r="H1404" s="8"/>
      <c r="S1404" s="8"/>
    </row>
    <row r="1405" spans="1:19">
      <c r="A1405" s="6">
        <v>1406</v>
      </c>
      <c r="B1405" s="6">
        <v>90622</v>
      </c>
      <c r="C1405" s="6">
        <v>97745</v>
      </c>
      <c r="D1405" s="6">
        <f t="shared" si="42"/>
        <v>-7123</v>
      </c>
      <c r="E1405" s="7">
        <f t="shared" si="43"/>
        <v>-7.8601222661163955E-2</v>
      </c>
      <c r="H1405" s="8"/>
      <c r="S1405" s="8"/>
    </row>
    <row r="1406" spans="1:19">
      <c r="A1406" s="6">
        <v>1407</v>
      </c>
      <c r="B1406" s="6">
        <v>90602</v>
      </c>
      <c r="C1406" s="6">
        <v>97762</v>
      </c>
      <c r="D1406" s="6">
        <f t="shared" si="42"/>
        <v>-7160</v>
      </c>
      <c r="E1406" s="7">
        <f t="shared" si="43"/>
        <v>-7.90269530473941E-2</v>
      </c>
      <c r="H1406" s="8"/>
      <c r="S1406" s="8"/>
    </row>
    <row r="1407" spans="1:19">
      <c r="A1407" s="6">
        <v>1408</v>
      </c>
      <c r="B1407" s="6">
        <v>83951</v>
      </c>
      <c r="C1407" s="6">
        <v>83937</v>
      </c>
      <c r="D1407" s="6">
        <f t="shared" si="42"/>
        <v>14</v>
      </c>
      <c r="E1407" s="7">
        <f t="shared" si="43"/>
        <v>1.6676394563495373E-4</v>
      </c>
      <c r="H1407" s="8"/>
      <c r="S1407" s="8"/>
    </row>
    <row r="1408" spans="1:19">
      <c r="A1408" s="6">
        <v>1409</v>
      </c>
      <c r="B1408" s="6">
        <v>95193</v>
      </c>
      <c r="C1408" s="6">
        <v>93533</v>
      </c>
      <c r="D1408" s="6">
        <f t="shared" si="42"/>
        <v>1660</v>
      </c>
      <c r="E1408" s="7">
        <f t="shared" si="43"/>
        <v>1.7438257014696458E-2</v>
      </c>
      <c r="H1408" s="8"/>
      <c r="S1408" s="8"/>
    </row>
    <row r="1409" spans="1:19">
      <c r="A1409" s="6">
        <v>1410</v>
      </c>
      <c r="B1409" s="6">
        <v>95209</v>
      </c>
      <c r="C1409" s="6">
        <v>93590</v>
      </c>
      <c r="D1409" s="6">
        <f t="shared" si="42"/>
        <v>1619</v>
      </c>
      <c r="E1409" s="7">
        <f t="shared" si="43"/>
        <v>1.7004694934302428E-2</v>
      </c>
      <c r="H1409" s="8"/>
      <c r="S1409" s="8"/>
    </row>
    <row r="1410" spans="1:19">
      <c r="A1410" s="6">
        <v>1411</v>
      </c>
      <c r="B1410" s="6">
        <v>95400</v>
      </c>
      <c r="C1410" s="6">
        <v>93536</v>
      </c>
      <c r="D1410" s="6">
        <f t="shared" si="42"/>
        <v>1864</v>
      </c>
      <c r="E1410" s="7">
        <f t="shared" si="43"/>
        <v>1.9538784067085955E-2</v>
      </c>
      <c r="H1410" s="8"/>
      <c r="S1410" s="8"/>
    </row>
    <row r="1411" spans="1:19">
      <c r="A1411" s="6">
        <v>1412</v>
      </c>
      <c r="B1411" s="6">
        <v>94781</v>
      </c>
      <c r="C1411" s="6">
        <v>93117</v>
      </c>
      <c r="D1411" s="6">
        <f t="shared" si="42"/>
        <v>1664</v>
      </c>
      <c r="E1411" s="7">
        <f t="shared" si="43"/>
        <v>1.7556261275994134E-2</v>
      </c>
      <c r="H1411" s="8"/>
      <c r="S1411" s="8"/>
    </row>
    <row r="1412" spans="1:19">
      <c r="A1412" s="6">
        <v>1413</v>
      </c>
      <c r="B1412" s="6">
        <v>94346</v>
      </c>
      <c r="C1412" s="6">
        <v>92735</v>
      </c>
      <c r="D1412" s="6">
        <f t="shared" ref="D1412:D1475" si="44">B1412-C1412</f>
        <v>1611</v>
      </c>
      <c r="E1412" s="7">
        <f t="shared" ref="E1412:E1475" si="45">D1412/B1412</f>
        <v>1.7075445699870687E-2</v>
      </c>
      <c r="H1412" s="8"/>
      <c r="S1412" s="8"/>
    </row>
    <row r="1413" spans="1:19">
      <c r="A1413" s="6">
        <v>1414</v>
      </c>
      <c r="B1413" s="6">
        <v>94819</v>
      </c>
      <c r="C1413" s="6">
        <v>93171</v>
      </c>
      <c r="D1413" s="6">
        <f t="shared" si="44"/>
        <v>1648</v>
      </c>
      <c r="E1413" s="7">
        <f t="shared" si="45"/>
        <v>1.7380482814625762E-2</v>
      </c>
      <c r="H1413" s="8"/>
      <c r="S1413" s="8"/>
    </row>
    <row r="1414" spans="1:19">
      <c r="A1414" s="6">
        <v>1415</v>
      </c>
      <c r="B1414" s="6">
        <v>94836</v>
      </c>
      <c r="C1414" s="6">
        <v>93165</v>
      </c>
      <c r="D1414" s="6">
        <f t="shared" si="44"/>
        <v>1671</v>
      </c>
      <c r="E1414" s="7">
        <f t="shared" si="45"/>
        <v>1.7619891180564343E-2</v>
      </c>
      <c r="H1414" s="8"/>
      <c r="S1414" s="8"/>
    </row>
    <row r="1415" spans="1:19">
      <c r="A1415" s="6">
        <v>1416</v>
      </c>
      <c r="B1415" s="6">
        <v>95708</v>
      </c>
      <c r="C1415" s="6">
        <v>94768</v>
      </c>
      <c r="D1415" s="6">
        <f t="shared" si="44"/>
        <v>940</v>
      </c>
      <c r="E1415" s="7">
        <f t="shared" si="45"/>
        <v>9.8215405190788651E-3</v>
      </c>
      <c r="H1415" s="8"/>
      <c r="S1415" s="8"/>
    </row>
    <row r="1416" spans="1:19">
      <c r="A1416" s="6">
        <v>1417</v>
      </c>
      <c r="B1416" s="6">
        <v>94421</v>
      </c>
      <c r="C1416" s="6">
        <v>94374</v>
      </c>
      <c r="D1416" s="6">
        <f t="shared" si="44"/>
        <v>47</v>
      </c>
      <c r="E1416" s="7">
        <f t="shared" si="45"/>
        <v>4.9777062306054795E-4</v>
      </c>
      <c r="H1416" s="8"/>
      <c r="S1416" s="8"/>
    </row>
    <row r="1417" spans="1:19">
      <c r="A1417" s="6">
        <v>1418</v>
      </c>
      <c r="B1417" s="6">
        <v>94370</v>
      </c>
      <c r="C1417" s="6">
        <v>94378</v>
      </c>
      <c r="D1417" s="6">
        <f t="shared" si="44"/>
        <v>-8</v>
      </c>
      <c r="E1417" s="7">
        <f t="shared" si="45"/>
        <v>-8.4772703189572957E-5</v>
      </c>
      <c r="H1417" s="8"/>
      <c r="S1417" s="8"/>
    </row>
    <row r="1418" spans="1:19">
      <c r="A1418" s="6">
        <v>1419</v>
      </c>
      <c r="B1418" s="6">
        <v>94358</v>
      </c>
      <c r="C1418" s="6">
        <v>94353</v>
      </c>
      <c r="D1418" s="6">
        <f t="shared" si="44"/>
        <v>5</v>
      </c>
      <c r="E1418" s="7">
        <f t="shared" si="45"/>
        <v>5.2989677610801417E-5</v>
      </c>
      <c r="H1418" s="8"/>
      <c r="S1418" s="8"/>
    </row>
    <row r="1419" spans="1:19">
      <c r="A1419" s="6">
        <v>1420</v>
      </c>
      <c r="B1419" s="6">
        <v>94362</v>
      </c>
      <c r="C1419" s="6">
        <v>93957</v>
      </c>
      <c r="D1419" s="6">
        <f t="shared" si="44"/>
        <v>405</v>
      </c>
      <c r="E1419" s="7">
        <f t="shared" si="45"/>
        <v>4.2919819418833849E-3</v>
      </c>
      <c r="H1419" s="8"/>
      <c r="S1419" s="8"/>
    </row>
    <row r="1420" spans="1:19">
      <c r="A1420" s="6">
        <v>1421</v>
      </c>
      <c r="B1420" s="6">
        <v>94009</v>
      </c>
      <c r="C1420" s="6">
        <v>93588</v>
      </c>
      <c r="D1420" s="6">
        <f t="shared" si="44"/>
        <v>421</v>
      </c>
      <c r="E1420" s="7">
        <f t="shared" si="45"/>
        <v>4.4782946313650825E-3</v>
      </c>
      <c r="H1420" s="8"/>
      <c r="S1420" s="8"/>
    </row>
    <row r="1421" spans="1:19">
      <c r="A1421" s="6">
        <v>1422</v>
      </c>
      <c r="B1421" s="6">
        <v>93962</v>
      </c>
      <c r="C1421" s="6">
        <v>94033</v>
      </c>
      <c r="D1421" s="6">
        <f t="shared" si="44"/>
        <v>-71</v>
      </c>
      <c r="E1421" s="7">
        <f t="shared" si="45"/>
        <v>-7.5562461420574279E-4</v>
      </c>
      <c r="H1421" s="8"/>
      <c r="S1421" s="8"/>
    </row>
    <row r="1422" spans="1:19">
      <c r="A1422" s="6">
        <v>1423</v>
      </c>
      <c r="B1422" s="6">
        <v>94515</v>
      </c>
      <c r="C1422" s="6">
        <v>94133</v>
      </c>
      <c r="D1422" s="6">
        <f t="shared" si="44"/>
        <v>382</v>
      </c>
      <c r="E1422" s="7">
        <f t="shared" si="45"/>
        <v>4.0416865047875998E-3</v>
      </c>
      <c r="H1422" s="8"/>
      <c r="S1422" s="8"/>
    </row>
    <row r="1423" spans="1:19">
      <c r="A1423" s="6">
        <v>1424</v>
      </c>
      <c r="B1423" s="6">
        <v>94850</v>
      </c>
      <c r="C1423" s="6">
        <v>97755</v>
      </c>
      <c r="D1423" s="6">
        <f t="shared" si="44"/>
        <v>-2905</v>
      </c>
      <c r="E1423" s="7">
        <f t="shared" si="45"/>
        <v>-3.0627306273062732E-2</v>
      </c>
      <c r="H1423" s="8"/>
      <c r="S1423" s="8"/>
    </row>
    <row r="1424" spans="1:19">
      <c r="A1424" s="6">
        <v>1425</v>
      </c>
      <c r="B1424" s="6">
        <v>94406</v>
      </c>
      <c r="C1424" s="6">
        <v>97277</v>
      </c>
      <c r="D1424" s="6">
        <f t="shared" si="44"/>
        <v>-2871</v>
      </c>
      <c r="E1424" s="7">
        <f t="shared" si="45"/>
        <v>-3.0411202677795904E-2</v>
      </c>
      <c r="H1424" s="8"/>
      <c r="S1424" s="8"/>
    </row>
    <row r="1425" spans="1:19">
      <c r="A1425" s="6">
        <v>1426</v>
      </c>
      <c r="B1425" s="6">
        <v>94369</v>
      </c>
      <c r="C1425" s="6">
        <v>97297</v>
      </c>
      <c r="D1425" s="6">
        <f t="shared" si="44"/>
        <v>-2928</v>
      </c>
      <c r="E1425" s="7">
        <f t="shared" si="45"/>
        <v>-3.1027138149180344E-2</v>
      </c>
      <c r="H1425" s="8"/>
      <c r="S1425" s="8"/>
    </row>
    <row r="1426" spans="1:19">
      <c r="A1426" s="6">
        <v>1427</v>
      </c>
      <c r="B1426" s="6">
        <v>94423</v>
      </c>
      <c r="C1426" s="6">
        <v>97256</v>
      </c>
      <c r="D1426" s="6">
        <f t="shared" si="44"/>
        <v>-2833</v>
      </c>
      <c r="E1426" s="7">
        <f t="shared" si="45"/>
        <v>-3.0003283098397636E-2</v>
      </c>
      <c r="H1426" s="8"/>
      <c r="S1426" s="8"/>
    </row>
    <row r="1427" spans="1:19">
      <c r="A1427" s="6">
        <v>1428</v>
      </c>
      <c r="B1427" s="6">
        <v>95394</v>
      </c>
      <c r="C1427" s="6">
        <v>96914</v>
      </c>
      <c r="D1427" s="6">
        <f t="shared" si="44"/>
        <v>-1520</v>
      </c>
      <c r="E1427" s="7">
        <f t="shared" si="45"/>
        <v>-1.5933916179214625E-2</v>
      </c>
      <c r="H1427" s="8"/>
      <c r="S1427" s="8"/>
    </row>
    <row r="1428" spans="1:19">
      <c r="A1428" s="6">
        <v>1429</v>
      </c>
      <c r="B1428" s="6">
        <v>94906</v>
      </c>
      <c r="C1428" s="6">
        <v>96650</v>
      </c>
      <c r="D1428" s="6">
        <f t="shared" si="44"/>
        <v>-1744</v>
      </c>
      <c r="E1428" s="7">
        <f t="shared" si="45"/>
        <v>-1.8376077381830443E-2</v>
      </c>
      <c r="H1428" s="8"/>
      <c r="S1428" s="8"/>
    </row>
    <row r="1429" spans="1:19">
      <c r="A1429" s="6">
        <v>1430</v>
      </c>
      <c r="B1429" s="6">
        <v>93958</v>
      </c>
      <c r="C1429" s="6">
        <v>96861</v>
      </c>
      <c r="D1429" s="6">
        <f t="shared" si="44"/>
        <v>-2903</v>
      </c>
      <c r="E1429" s="7">
        <f t="shared" si="45"/>
        <v>-3.0896783669299047E-2</v>
      </c>
      <c r="H1429" s="8"/>
      <c r="S1429" s="8"/>
    </row>
    <row r="1430" spans="1:19">
      <c r="A1430" s="6">
        <v>1431</v>
      </c>
      <c r="B1430" s="6">
        <v>94015</v>
      </c>
      <c r="C1430" s="6">
        <v>96863</v>
      </c>
      <c r="D1430" s="6">
        <f t="shared" si="44"/>
        <v>-2848</v>
      </c>
      <c r="E1430" s="7">
        <f t="shared" si="45"/>
        <v>-3.0293038344944956E-2</v>
      </c>
      <c r="H1430" s="8"/>
      <c r="S1430" s="8"/>
    </row>
    <row r="1431" spans="1:19">
      <c r="A1431" s="6">
        <v>1432</v>
      </c>
      <c r="B1431" s="6">
        <v>93956</v>
      </c>
      <c r="C1431" s="6">
        <v>98588</v>
      </c>
      <c r="D1431" s="6">
        <f t="shared" si="44"/>
        <v>-4632</v>
      </c>
      <c r="E1431" s="7">
        <f t="shared" si="45"/>
        <v>-4.9299672186981142E-2</v>
      </c>
      <c r="H1431" s="8"/>
      <c r="S1431" s="8"/>
    </row>
    <row r="1432" spans="1:19">
      <c r="A1432" s="6">
        <v>1433</v>
      </c>
      <c r="B1432" s="6">
        <v>93667</v>
      </c>
      <c r="C1432" s="6">
        <v>98166</v>
      </c>
      <c r="D1432" s="6">
        <f t="shared" si="44"/>
        <v>-4499</v>
      </c>
      <c r="E1432" s="7">
        <f t="shared" si="45"/>
        <v>-4.8031857537873528E-2</v>
      </c>
      <c r="H1432" s="8"/>
      <c r="S1432" s="8"/>
    </row>
    <row r="1433" spans="1:19">
      <c r="A1433" s="6">
        <v>1434</v>
      </c>
      <c r="B1433" s="6">
        <v>93557</v>
      </c>
      <c r="C1433" s="6">
        <v>98117</v>
      </c>
      <c r="D1433" s="6">
        <f t="shared" si="44"/>
        <v>-4560</v>
      </c>
      <c r="E1433" s="7">
        <f t="shared" si="45"/>
        <v>-4.8740340113513685E-2</v>
      </c>
      <c r="H1433" s="8"/>
      <c r="S1433" s="8"/>
    </row>
    <row r="1434" spans="1:19">
      <c r="A1434" s="6">
        <v>1435</v>
      </c>
      <c r="B1434" s="6">
        <v>93549</v>
      </c>
      <c r="C1434" s="6">
        <v>98142</v>
      </c>
      <c r="D1434" s="6">
        <f t="shared" si="44"/>
        <v>-4593</v>
      </c>
      <c r="E1434" s="7">
        <f t="shared" si="45"/>
        <v>-4.9097264535163387E-2</v>
      </c>
      <c r="H1434" s="8"/>
      <c r="S1434" s="8"/>
    </row>
    <row r="1435" spans="1:19">
      <c r="A1435" s="6">
        <v>1436</v>
      </c>
      <c r="B1435" s="6">
        <v>93978</v>
      </c>
      <c r="C1435" s="6">
        <v>97708</v>
      </c>
      <c r="D1435" s="6">
        <f t="shared" si="44"/>
        <v>-3730</v>
      </c>
      <c r="E1435" s="7">
        <f t="shared" si="45"/>
        <v>-3.9690140245589395E-2</v>
      </c>
      <c r="H1435" s="8"/>
      <c r="S1435" s="8"/>
    </row>
    <row r="1436" spans="1:19">
      <c r="A1436" s="6">
        <v>1437</v>
      </c>
      <c r="B1436" s="6">
        <v>93661</v>
      </c>
      <c r="C1436" s="6">
        <v>97335</v>
      </c>
      <c r="D1436" s="6">
        <f t="shared" si="44"/>
        <v>-3674</v>
      </c>
      <c r="E1436" s="7">
        <f t="shared" si="45"/>
        <v>-3.9226572426089831E-2</v>
      </c>
      <c r="H1436" s="8"/>
      <c r="S1436" s="8"/>
    </row>
    <row r="1437" spans="1:19">
      <c r="A1437" s="6">
        <v>1438</v>
      </c>
      <c r="B1437" s="6">
        <v>93529</v>
      </c>
      <c r="C1437" s="6">
        <v>97711</v>
      </c>
      <c r="D1437" s="6">
        <f t="shared" si="44"/>
        <v>-4182</v>
      </c>
      <c r="E1437" s="7">
        <f t="shared" si="45"/>
        <v>-4.471340439863572E-2</v>
      </c>
      <c r="H1437" s="8"/>
      <c r="S1437" s="8"/>
    </row>
    <row r="1438" spans="1:19">
      <c r="A1438" s="6">
        <v>1439</v>
      </c>
      <c r="B1438" s="6">
        <v>93528</v>
      </c>
      <c r="C1438" s="6">
        <v>97691</v>
      </c>
      <c r="D1438" s="6">
        <f t="shared" si="44"/>
        <v>-4163</v>
      </c>
      <c r="E1438" s="7">
        <f t="shared" si="45"/>
        <v>-4.4510734753228982E-2</v>
      </c>
      <c r="H1438" s="8"/>
      <c r="S1438" s="8"/>
    </row>
    <row r="1439" spans="1:19">
      <c r="A1439" s="6">
        <v>1440</v>
      </c>
      <c r="B1439" s="6">
        <v>95205</v>
      </c>
      <c r="C1439" s="6">
        <v>99443</v>
      </c>
      <c r="D1439" s="6">
        <f t="shared" si="44"/>
        <v>-4238</v>
      </c>
      <c r="E1439" s="7">
        <f t="shared" si="45"/>
        <v>-4.4514468777900322E-2</v>
      </c>
      <c r="H1439" s="8"/>
      <c r="S1439" s="8"/>
    </row>
    <row r="1440" spans="1:19">
      <c r="A1440" s="6">
        <v>1441</v>
      </c>
      <c r="B1440" s="6">
        <v>94774</v>
      </c>
      <c r="C1440" s="6">
        <v>98968</v>
      </c>
      <c r="D1440" s="6">
        <f t="shared" si="44"/>
        <v>-4194</v>
      </c>
      <c r="E1440" s="7">
        <f t="shared" si="45"/>
        <v>-4.4252643129972354E-2</v>
      </c>
      <c r="H1440" s="8"/>
      <c r="S1440" s="8"/>
    </row>
    <row r="1441" spans="1:19">
      <c r="A1441" s="6">
        <v>1442</v>
      </c>
      <c r="B1441" s="6">
        <v>94758</v>
      </c>
      <c r="C1441" s="6">
        <v>98943</v>
      </c>
      <c r="D1441" s="6">
        <f t="shared" si="44"/>
        <v>-4185</v>
      </c>
      <c r="E1441" s="7">
        <f t="shared" si="45"/>
        <v>-4.4165136452858862E-2</v>
      </c>
      <c r="H1441" s="8"/>
      <c r="S1441" s="8"/>
    </row>
    <row r="1442" spans="1:19">
      <c r="A1442" s="6">
        <v>1443</v>
      </c>
      <c r="B1442" s="6">
        <v>94798</v>
      </c>
      <c r="C1442" s="6">
        <v>99063</v>
      </c>
      <c r="D1442" s="6">
        <f t="shared" si="44"/>
        <v>-4265</v>
      </c>
      <c r="E1442" s="7">
        <f t="shared" si="45"/>
        <v>-4.499040064136374E-2</v>
      </c>
      <c r="H1442" s="8"/>
      <c r="S1442" s="8"/>
    </row>
    <row r="1443" spans="1:19">
      <c r="A1443" s="6">
        <v>1444</v>
      </c>
      <c r="B1443" s="6">
        <v>94395</v>
      </c>
      <c r="C1443" s="6">
        <v>98592</v>
      </c>
      <c r="D1443" s="6">
        <f t="shared" si="44"/>
        <v>-4197</v>
      </c>
      <c r="E1443" s="7">
        <f t="shared" si="45"/>
        <v>-4.4462100746861591E-2</v>
      </c>
      <c r="H1443" s="8"/>
      <c r="S1443" s="8"/>
    </row>
    <row r="1444" spans="1:19">
      <c r="A1444" s="6">
        <v>1445</v>
      </c>
      <c r="B1444" s="6">
        <v>94624</v>
      </c>
      <c r="C1444" s="6">
        <v>98124</v>
      </c>
      <c r="D1444" s="6">
        <f t="shared" si="44"/>
        <v>-3500</v>
      </c>
      <c r="E1444" s="7">
        <f t="shared" si="45"/>
        <v>-3.6988501859993236E-2</v>
      </c>
      <c r="H1444" s="8"/>
      <c r="S1444" s="8"/>
    </row>
    <row r="1445" spans="1:19">
      <c r="A1445" s="6">
        <v>1446</v>
      </c>
      <c r="B1445" s="6">
        <v>94756</v>
      </c>
      <c r="C1445" s="6">
        <v>98545</v>
      </c>
      <c r="D1445" s="6">
        <f t="shared" si="44"/>
        <v>-3789</v>
      </c>
      <c r="E1445" s="7">
        <f t="shared" si="45"/>
        <v>-3.9986913757440165E-2</v>
      </c>
      <c r="H1445" s="8"/>
      <c r="S1445" s="8"/>
    </row>
    <row r="1446" spans="1:19">
      <c r="A1446" s="6">
        <v>1447</v>
      </c>
      <c r="B1446" s="6">
        <v>94384</v>
      </c>
      <c r="C1446" s="6">
        <v>98540</v>
      </c>
      <c r="D1446" s="6">
        <f t="shared" si="44"/>
        <v>-4156</v>
      </c>
      <c r="E1446" s="7">
        <f t="shared" si="45"/>
        <v>-4.4032886929988135E-2</v>
      </c>
      <c r="H1446" s="8"/>
      <c r="S1446" s="8"/>
    </row>
    <row r="1447" spans="1:19">
      <c r="A1447" s="6">
        <v>1448</v>
      </c>
      <c r="B1447" s="6">
        <v>94423</v>
      </c>
      <c r="C1447" s="6">
        <v>100199</v>
      </c>
      <c r="D1447" s="6">
        <f t="shared" si="44"/>
        <v>-5776</v>
      </c>
      <c r="E1447" s="7">
        <f t="shared" si="45"/>
        <v>-6.1171536595956491E-2</v>
      </c>
      <c r="H1447" s="8"/>
      <c r="S1447" s="8"/>
    </row>
    <row r="1448" spans="1:19">
      <c r="A1448" s="6">
        <v>1449</v>
      </c>
      <c r="B1448" s="6">
        <v>93955</v>
      </c>
      <c r="C1448" s="6">
        <v>99797</v>
      </c>
      <c r="D1448" s="6">
        <f t="shared" si="44"/>
        <v>-5842</v>
      </c>
      <c r="E1448" s="7">
        <f t="shared" si="45"/>
        <v>-6.2178702570379434E-2</v>
      </c>
      <c r="H1448" s="8"/>
      <c r="S1448" s="8"/>
    </row>
    <row r="1449" spans="1:19">
      <c r="A1449" s="6">
        <v>1450</v>
      </c>
      <c r="B1449" s="6">
        <v>94149</v>
      </c>
      <c r="C1449" s="6">
        <v>99770</v>
      </c>
      <c r="D1449" s="6">
        <f t="shared" si="44"/>
        <v>-5621</v>
      </c>
      <c r="E1449" s="7">
        <f t="shared" si="45"/>
        <v>-5.9703236359387776E-2</v>
      </c>
      <c r="H1449" s="8"/>
      <c r="S1449" s="8"/>
    </row>
    <row r="1450" spans="1:19">
      <c r="A1450" s="6">
        <v>1451</v>
      </c>
      <c r="B1450" s="6">
        <v>93956</v>
      </c>
      <c r="C1450" s="6">
        <v>99875</v>
      </c>
      <c r="D1450" s="6">
        <f t="shared" si="44"/>
        <v>-5919</v>
      </c>
      <c r="E1450" s="7">
        <f t="shared" si="45"/>
        <v>-6.2997573332198048E-2</v>
      </c>
      <c r="H1450" s="8"/>
      <c r="S1450" s="8"/>
    </row>
    <row r="1451" spans="1:19">
      <c r="A1451" s="6">
        <v>1452</v>
      </c>
      <c r="B1451" s="6">
        <v>94007</v>
      </c>
      <c r="C1451" s="6">
        <v>99372</v>
      </c>
      <c r="D1451" s="6">
        <f t="shared" si="44"/>
        <v>-5365</v>
      </c>
      <c r="E1451" s="7">
        <f t="shared" si="45"/>
        <v>-5.7070218175242271E-2</v>
      </c>
      <c r="H1451" s="8"/>
      <c r="S1451" s="8"/>
    </row>
    <row r="1452" spans="1:19">
      <c r="A1452" s="6">
        <v>1453</v>
      </c>
      <c r="B1452" s="6">
        <v>93528</v>
      </c>
      <c r="C1452" s="6">
        <v>98960</v>
      </c>
      <c r="D1452" s="6">
        <f t="shared" si="44"/>
        <v>-5432</v>
      </c>
      <c r="E1452" s="7">
        <f t="shared" si="45"/>
        <v>-5.807886408348302E-2</v>
      </c>
      <c r="H1452" s="8"/>
      <c r="S1452" s="8"/>
    </row>
    <row r="1453" spans="1:19">
      <c r="A1453" s="6">
        <v>1454</v>
      </c>
      <c r="B1453" s="6">
        <v>93523</v>
      </c>
      <c r="C1453" s="6">
        <v>100383</v>
      </c>
      <c r="D1453" s="6">
        <f t="shared" si="44"/>
        <v>-6860</v>
      </c>
      <c r="E1453" s="7">
        <f t="shared" si="45"/>
        <v>-7.335094041038033E-2</v>
      </c>
      <c r="H1453" s="8"/>
      <c r="S1453" s="8"/>
    </row>
    <row r="1454" spans="1:19">
      <c r="A1454" s="6">
        <v>1455</v>
      </c>
      <c r="B1454" s="6">
        <v>93531</v>
      </c>
      <c r="C1454" s="6">
        <v>99430</v>
      </c>
      <c r="D1454" s="6">
        <f t="shared" si="44"/>
        <v>-5899</v>
      </c>
      <c r="E1454" s="7">
        <f t="shared" si="45"/>
        <v>-6.3069998182420803E-2</v>
      </c>
      <c r="H1454" s="8"/>
      <c r="S1454" s="8"/>
    </row>
    <row r="1455" spans="1:19">
      <c r="A1455" s="6">
        <v>1456</v>
      </c>
      <c r="B1455" s="6">
        <v>94782</v>
      </c>
      <c r="C1455" s="6">
        <v>101093</v>
      </c>
      <c r="D1455" s="6">
        <f t="shared" si="44"/>
        <v>-6311</v>
      </c>
      <c r="E1455" s="7">
        <f t="shared" si="45"/>
        <v>-6.6584372560190758E-2</v>
      </c>
      <c r="H1455" s="8"/>
      <c r="S1455" s="8"/>
    </row>
    <row r="1456" spans="1:19">
      <c r="A1456" s="6">
        <v>1457</v>
      </c>
      <c r="B1456" s="6">
        <v>94386</v>
      </c>
      <c r="C1456" s="6">
        <v>100684</v>
      </c>
      <c r="D1456" s="6">
        <f t="shared" si="44"/>
        <v>-6298</v>
      </c>
      <c r="E1456" s="7">
        <f t="shared" si="45"/>
        <v>-6.672599749962918E-2</v>
      </c>
      <c r="H1456" s="8"/>
      <c r="S1456" s="8"/>
    </row>
    <row r="1457" spans="1:19">
      <c r="A1457" s="6">
        <v>1458</v>
      </c>
      <c r="B1457" s="6">
        <v>94418</v>
      </c>
      <c r="C1457" s="6">
        <v>100647</v>
      </c>
      <c r="D1457" s="6">
        <f t="shared" si="44"/>
        <v>-6229</v>
      </c>
      <c r="E1457" s="7">
        <f t="shared" si="45"/>
        <v>-6.5972589972251056E-2</v>
      </c>
      <c r="H1457" s="8"/>
      <c r="S1457" s="8"/>
    </row>
    <row r="1458" spans="1:19">
      <c r="A1458" s="6">
        <v>1459</v>
      </c>
      <c r="B1458" s="6">
        <v>94374</v>
      </c>
      <c r="C1458" s="6">
        <v>100622</v>
      </c>
      <c r="D1458" s="6">
        <f t="shared" si="44"/>
        <v>-6248</v>
      </c>
      <c r="E1458" s="7">
        <f t="shared" si="45"/>
        <v>-6.6204675016424019E-2</v>
      </c>
      <c r="H1458" s="8"/>
      <c r="S1458" s="8"/>
    </row>
    <row r="1459" spans="1:19">
      <c r="A1459" s="6">
        <v>1460</v>
      </c>
      <c r="B1459" s="6">
        <v>94409</v>
      </c>
      <c r="C1459" s="6">
        <v>100358</v>
      </c>
      <c r="D1459" s="6">
        <f t="shared" si="44"/>
        <v>-5949</v>
      </c>
      <c r="E1459" s="7">
        <f t="shared" si="45"/>
        <v>-6.3013060195532211E-2</v>
      </c>
      <c r="H1459" s="8"/>
      <c r="S1459" s="8"/>
    </row>
    <row r="1460" spans="1:19">
      <c r="A1460" s="6">
        <v>1461</v>
      </c>
      <c r="B1460" s="6">
        <v>93997</v>
      </c>
      <c r="C1460" s="6">
        <v>99839</v>
      </c>
      <c r="D1460" s="6">
        <f t="shared" si="44"/>
        <v>-5842</v>
      </c>
      <c r="E1460" s="7">
        <f t="shared" si="45"/>
        <v>-6.215091971020352E-2</v>
      </c>
      <c r="H1460" s="8"/>
      <c r="S1460" s="8"/>
    </row>
    <row r="1461" spans="1:19">
      <c r="A1461" s="6">
        <v>1462</v>
      </c>
      <c r="B1461" s="6">
        <v>93938</v>
      </c>
      <c r="C1461" s="6">
        <v>100247</v>
      </c>
      <c r="D1461" s="6">
        <f t="shared" si="44"/>
        <v>-6309</v>
      </c>
      <c r="E1461" s="7">
        <f t="shared" si="45"/>
        <v>-6.716131916796185E-2</v>
      </c>
      <c r="H1461" s="8"/>
      <c r="S1461" s="8"/>
    </row>
    <row r="1462" spans="1:19">
      <c r="A1462" s="6">
        <v>1463</v>
      </c>
      <c r="B1462" s="6">
        <v>94010</v>
      </c>
      <c r="C1462" s="6">
        <v>100259</v>
      </c>
      <c r="D1462" s="6">
        <f t="shared" si="44"/>
        <v>-6249</v>
      </c>
      <c r="E1462" s="7">
        <f t="shared" si="45"/>
        <v>-6.6471651951920008E-2</v>
      </c>
      <c r="H1462" s="8"/>
      <c r="S1462" s="8"/>
    </row>
    <row r="1463" spans="1:19">
      <c r="A1463" s="6">
        <v>1464</v>
      </c>
      <c r="B1463" s="6">
        <v>94357</v>
      </c>
      <c r="C1463" s="6">
        <v>101875</v>
      </c>
      <c r="D1463" s="6">
        <f t="shared" si="44"/>
        <v>-7518</v>
      </c>
      <c r="E1463" s="7">
        <f t="shared" si="45"/>
        <v>-7.9676123658022194E-2</v>
      </c>
      <c r="H1463" s="8"/>
      <c r="S1463" s="8"/>
    </row>
    <row r="1464" spans="1:19">
      <c r="A1464" s="6">
        <v>1465</v>
      </c>
      <c r="B1464" s="6">
        <v>93928</v>
      </c>
      <c r="C1464" s="6">
        <v>101455</v>
      </c>
      <c r="D1464" s="6">
        <f t="shared" si="44"/>
        <v>-7527</v>
      </c>
      <c r="E1464" s="7">
        <f t="shared" si="45"/>
        <v>-8.0135848735201437E-2</v>
      </c>
      <c r="H1464" s="8"/>
      <c r="S1464" s="8"/>
    </row>
    <row r="1465" spans="1:19">
      <c r="A1465" s="6">
        <v>1466</v>
      </c>
      <c r="B1465" s="6">
        <v>93948</v>
      </c>
      <c r="C1465" s="6">
        <v>101472</v>
      </c>
      <c r="D1465" s="6">
        <f t="shared" si="44"/>
        <v>-7524</v>
      </c>
      <c r="E1465" s="7">
        <f t="shared" si="45"/>
        <v>-8.0086856558947497E-2</v>
      </c>
      <c r="H1465" s="8"/>
      <c r="S1465" s="8"/>
    </row>
    <row r="1466" spans="1:19">
      <c r="A1466" s="6">
        <v>1467</v>
      </c>
      <c r="B1466" s="6">
        <v>93954</v>
      </c>
      <c r="C1466" s="6">
        <v>101520</v>
      </c>
      <c r="D1466" s="6">
        <f t="shared" si="44"/>
        <v>-7566</v>
      </c>
      <c r="E1466" s="7">
        <f t="shared" si="45"/>
        <v>-8.0528769397790412E-2</v>
      </c>
      <c r="H1466" s="8"/>
      <c r="S1466" s="8"/>
    </row>
    <row r="1467" spans="1:19">
      <c r="A1467" s="6">
        <v>1468</v>
      </c>
      <c r="B1467" s="6">
        <v>93999</v>
      </c>
      <c r="C1467" s="6">
        <v>101058</v>
      </c>
      <c r="D1467" s="6">
        <f t="shared" si="44"/>
        <v>-7059</v>
      </c>
      <c r="E1467" s="7">
        <f t="shared" si="45"/>
        <v>-7.5096543580250849E-2</v>
      </c>
      <c r="H1467" s="8"/>
      <c r="S1467" s="8"/>
    </row>
    <row r="1468" spans="1:19">
      <c r="A1468" s="6">
        <v>1469</v>
      </c>
      <c r="B1468" s="6">
        <v>93947</v>
      </c>
      <c r="C1468" s="6">
        <v>100626</v>
      </c>
      <c r="D1468" s="6">
        <f t="shared" si="44"/>
        <v>-6679</v>
      </c>
      <c r="E1468" s="7">
        <f t="shared" si="45"/>
        <v>-7.1093275996040317E-2</v>
      </c>
      <c r="H1468" s="8"/>
      <c r="S1468" s="8"/>
    </row>
    <row r="1469" spans="1:19">
      <c r="A1469" s="6">
        <v>1470</v>
      </c>
      <c r="B1469" s="6">
        <v>94125</v>
      </c>
      <c r="C1469" s="6">
        <v>101102</v>
      </c>
      <c r="D1469" s="6">
        <f t="shared" si="44"/>
        <v>-6977</v>
      </c>
      <c r="E1469" s="7">
        <f t="shared" si="45"/>
        <v>-7.4124833997343959E-2</v>
      </c>
      <c r="H1469" s="8"/>
      <c r="S1469" s="8"/>
    </row>
    <row r="1470" spans="1:19">
      <c r="A1470" s="6">
        <v>1471</v>
      </c>
      <c r="B1470" s="6">
        <v>93951</v>
      </c>
      <c r="C1470" s="6">
        <v>101569</v>
      </c>
      <c r="D1470" s="6">
        <f t="shared" si="44"/>
        <v>-7618</v>
      </c>
      <c r="E1470" s="7">
        <f t="shared" si="45"/>
        <v>-8.108482081084821E-2</v>
      </c>
      <c r="H1470" s="8"/>
      <c r="S1470" s="8"/>
    </row>
    <row r="1471" spans="1:19">
      <c r="A1471" s="6">
        <v>1472</v>
      </c>
      <c r="B1471" s="6">
        <v>87282</v>
      </c>
      <c r="C1471" s="6">
        <v>87860</v>
      </c>
      <c r="D1471" s="6">
        <f t="shared" si="44"/>
        <v>-578</v>
      </c>
      <c r="E1471" s="7">
        <f t="shared" si="45"/>
        <v>-6.6222130565294106E-3</v>
      </c>
      <c r="H1471" s="8"/>
      <c r="S1471" s="8"/>
    </row>
    <row r="1472" spans="1:19">
      <c r="A1472" s="6">
        <v>1473</v>
      </c>
      <c r="B1472" s="6">
        <v>98597</v>
      </c>
      <c r="C1472" s="6">
        <v>96919</v>
      </c>
      <c r="D1472" s="6">
        <f t="shared" si="44"/>
        <v>1678</v>
      </c>
      <c r="E1472" s="7">
        <f t="shared" si="45"/>
        <v>1.7018773390671114E-2</v>
      </c>
      <c r="H1472" s="8"/>
      <c r="S1472" s="8"/>
    </row>
    <row r="1473" spans="1:19">
      <c r="A1473" s="6">
        <v>1474</v>
      </c>
      <c r="B1473" s="6">
        <v>98732</v>
      </c>
      <c r="C1473" s="6">
        <v>96925</v>
      </c>
      <c r="D1473" s="6">
        <f t="shared" si="44"/>
        <v>1807</v>
      </c>
      <c r="E1473" s="7">
        <f t="shared" si="45"/>
        <v>1.830207025077989E-2</v>
      </c>
      <c r="H1473" s="8"/>
      <c r="S1473" s="8"/>
    </row>
    <row r="1474" spans="1:19">
      <c r="A1474" s="6">
        <v>1475</v>
      </c>
      <c r="B1474" s="6">
        <v>98532</v>
      </c>
      <c r="C1474" s="6">
        <v>96853</v>
      </c>
      <c r="D1474" s="6">
        <f t="shared" si="44"/>
        <v>1679</v>
      </c>
      <c r="E1474" s="7">
        <f t="shared" si="45"/>
        <v>1.7040149393090568E-2</v>
      </c>
      <c r="H1474" s="8"/>
      <c r="S1474" s="8"/>
    </row>
    <row r="1475" spans="1:19">
      <c r="A1475" s="6">
        <v>1476</v>
      </c>
      <c r="B1475" s="6">
        <v>98126</v>
      </c>
      <c r="C1475" s="6">
        <v>96474</v>
      </c>
      <c r="D1475" s="6">
        <f t="shared" si="44"/>
        <v>1652</v>
      </c>
      <c r="E1475" s="7">
        <f t="shared" si="45"/>
        <v>1.6835497217862747E-2</v>
      </c>
      <c r="H1475" s="8"/>
      <c r="S1475" s="8"/>
    </row>
    <row r="1476" spans="1:19">
      <c r="A1476" s="6">
        <v>1477</v>
      </c>
      <c r="B1476" s="6">
        <v>97692</v>
      </c>
      <c r="C1476" s="6">
        <v>96019</v>
      </c>
      <c r="D1476" s="6">
        <f t="shared" ref="D1476:D1539" si="46">B1476-C1476</f>
        <v>1673</v>
      </c>
      <c r="E1476" s="7">
        <f t="shared" ref="E1476:E1539" si="47">D1476/B1476</f>
        <v>1.7125250788191458E-2</v>
      </c>
      <c r="H1476" s="8"/>
      <c r="S1476" s="8"/>
    </row>
    <row r="1477" spans="1:19">
      <c r="A1477" s="6">
        <v>1478</v>
      </c>
      <c r="B1477" s="6">
        <v>98246</v>
      </c>
      <c r="C1477" s="6">
        <v>96450</v>
      </c>
      <c r="D1477" s="6">
        <f t="shared" si="46"/>
        <v>1796</v>
      </c>
      <c r="E1477" s="7">
        <f t="shared" si="47"/>
        <v>1.8280642468904585E-2</v>
      </c>
      <c r="H1477" s="8"/>
      <c r="S1477" s="8"/>
    </row>
    <row r="1478" spans="1:19">
      <c r="A1478" s="6">
        <v>1479</v>
      </c>
      <c r="B1478" s="6">
        <v>98103</v>
      </c>
      <c r="C1478" s="6">
        <v>96428</v>
      </c>
      <c r="D1478" s="6">
        <f t="shared" si="46"/>
        <v>1675</v>
      </c>
      <c r="E1478" s="7">
        <f t="shared" si="47"/>
        <v>1.7073891726043035E-2</v>
      </c>
      <c r="H1478" s="8"/>
      <c r="S1478" s="8"/>
    </row>
    <row r="1479" spans="1:19">
      <c r="A1479" s="6">
        <v>1480</v>
      </c>
      <c r="B1479" s="6">
        <v>98108</v>
      </c>
      <c r="C1479" s="6">
        <v>98118</v>
      </c>
      <c r="D1479" s="6">
        <f t="shared" si="46"/>
        <v>-10</v>
      </c>
      <c r="E1479" s="7">
        <f t="shared" si="47"/>
        <v>-1.0192848697353936E-4</v>
      </c>
      <c r="H1479" s="8"/>
      <c r="S1479" s="8"/>
    </row>
    <row r="1480" spans="1:19">
      <c r="A1480" s="6">
        <v>1481</v>
      </c>
      <c r="B1480" s="6">
        <v>97694</v>
      </c>
      <c r="C1480" s="6">
        <v>97712</v>
      </c>
      <c r="D1480" s="6">
        <f t="shared" si="46"/>
        <v>-18</v>
      </c>
      <c r="E1480" s="7">
        <f t="shared" si="47"/>
        <v>-1.8424877679284297E-4</v>
      </c>
      <c r="H1480" s="8"/>
      <c r="S1480" s="8"/>
    </row>
    <row r="1481" spans="1:19">
      <c r="A1481" s="6">
        <v>1482</v>
      </c>
      <c r="B1481" s="6">
        <v>97699</v>
      </c>
      <c r="C1481" s="6">
        <v>97694</v>
      </c>
      <c r="D1481" s="6">
        <f t="shared" si="46"/>
        <v>5</v>
      </c>
      <c r="E1481" s="7">
        <f t="shared" si="47"/>
        <v>5.1177596495358195E-5</v>
      </c>
      <c r="H1481" s="8"/>
      <c r="S1481" s="8"/>
    </row>
    <row r="1482" spans="1:19">
      <c r="A1482" s="6">
        <v>1483</v>
      </c>
      <c r="B1482" s="6">
        <v>97702</v>
      </c>
      <c r="C1482" s="6">
        <v>97749</v>
      </c>
      <c r="D1482" s="6">
        <f t="shared" si="46"/>
        <v>-47</v>
      </c>
      <c r="E1482" s="7">
        <f t="shared" si="47"/>
        <v>-4.8105463552434953E-4</v>
      </c>
      <c r="H1482" s="8"/>
      <c r="S1482" s="8"/>
    </row>
    <row r="1483" spans="1:19">
      <c r="A1483" s="6">
        <v>1484</v>
      </c>
      <c r="B1483" s="6">
        <v>97773</v>
      </c>
      <c r="C1483" s="6">
        <v>97356</v>
      </c>
      <c r="D1483" s="6">
        <f t="shared" si="46"/>
        <v>417</v>
      </c>
      <c r="E1483" s="7">
        <f t="shared" si="47"/>
        <v>4.26498112975975E-3</v>
      </c>
      <c r="H1483" s="8"/>
      <c r="S1483" s="8"/>
    </row>
    <row r="1484" spans="1:19">
      <c r="A1484" s="6">
        <v>1485</v>
      </c>
      <c r="B1484" s="6">
        <v>97300</v>
      </c>
      <c r="C1484" s="6">
        <v>96861</v>
      </c>
      <c r="D1484" s="6">
        <f t="shared" si="46"/>
        <v>439</v>
      </c>
      <c r="E1484" s="7">
        <f t="shared" si="47"/>
        <v>4.511819116135663E-3</v>
      </c>
      <c r="H1484" s="8"/>
      <c r="S1484" s="8"/>
    </row>
    <row r="1485" spans="1:19">
      <c r="A1485" s="6">
        <v>1486</v>
      </c>
      <c r="B1485" s="6">
        <v>97297</v>
      </c>
      <c r="C1485" s="6">
        <v>97505</v>
      </c>
      <c r="D1485" s="6">
        <f t="shared" si="46"/>
        <v>-208</v>
      </c>
      <c r="E1485" s="7">
        <f t="shared" si="47"/>
        <v>-2.1377843098965023E-3</v>
      </c>
      <c r="H1485" s="8"/>
      <c r="S1485" s="8"/>
    </row>
    <row r="1486" spans="1:19">
      <c r="A1486" s="6">
        <v>1487</v>
      </c>
      <c r="B1486" s="6">
        <v>97279</v>
      </c>
      <c r="C1486" s="6">
        <v>97348</v>
      </c>
      <c r="D1486" s="6">
        <f t="shared" si="46"/>
        <v>-69</v>
      </c>
      <c r="E1486" s="7">
        <f t="shared" si="47"/>
        <v>-7.0930005448246796E-4</v>
      </c>
      <c r="H1486" s="8"/>
      <c r="S1486" s="8"/>
    </row>
    <row r="1487" spans="1:19">
      <c r="A1487" s="6">
        <v>1488</v>
      </c>
      <c r="B1487" s="6">
        <v>98340</v>
      </c>
      <c r="C1487" s="6">
        <v>101075</v>
      </c>
      <c r="D1487" s="6">
        <f t="shared" si="46"/>
        <v>-2735</v>
      </c>
      <c r="E1487" s="7">
        <f t="shared" si="47"/>
        <v>-2.7811673784828149E-2</v>
      </c>
      <c r="H1487" s="8"/>
      <c r="S1487" s="8"/>
    </row>
    <row r="1488" spans="1:19">
      <c r="A1488" s="6">
        <v>1489</v>
      </c>
      <c r="B1488" s="6">
        <v>97890</v>
      </c>
      <c r="C1488" s="6">
        <v>100620</v>
      </c>
      <c r="D1488" s="6">
        <f t="shared" si="46"/>
        <v>-2730</v>
      </c>
      <c r="E1488" s="7">
        <f t="shared" si="47"/>
        <v>-2.7888446215139442E-2</v>
      </c>
      <c r="H1488" s="8"/>
      <c r="S1488" s="8"/>
    </row>
    <row r="1489" spans="1:19">
      <c r="A1489" s="6">
        <v>1490</v>
      </c>
      <c r="B1489" s="6">
        <v>97714</v>
      </c>
      <c r="C1489" s="6">
        <v>100830</v>
      </c>
      <c r="D1489" s="6">
        <f t="shared" si="46"/>
        <v>-3116</v>
      </c>
      <c r="E1489" s="7">
        <f t="shared" si="47"/>
        <v>-3.1888982131526702E-2</v>
      </c>
      <c r="H1489" s="8"/>
      <c r="S1489" s="8"/>
    </row>
    <row r="1490" spans="1:19">
      <c r="A1490" s="6">
        <v>1491</v>
      </c>
      <c r="B1490" s="6">
        <v>97746</v>
      </c>
      <c r="C1490" s="6">
        <v>100599</v>
      </c>
      <c r="D1490" s="6">
        <f t="shared" si="46"/>
        <v>-2853</v>
      </c>
      <c r="E1490" s="7">
        <f t="shared" si="47"/>
        <v>-2.9187895156835061E-2</v>
      </c>
      <c r="H1490" s="8"/>
      <c r="S1490" s="8"/>
    </row>
    <row r="1491" spans="1:19">
      <c r="A1491" s="6">
        <v>1492</v>
      </c>
      <c r="B1491" s="6">
        <v>97759</v>
      </c>
      <c r="C1491" s="6">
        <v>100215</v>
      </c>
      <c r="D1491" s="6">
        <f t="shared" si="46"/>
        <v>-2456</v>
      </c>
      <c r="E1491" s="7">
        <f t="shared" si="47"/>
        <v>-2.5123006577399524E-2</v>
      </c>
      <c r="H1491" s="8"/>
      <c r="S1491" s="8"/>
    </row>
    <row r="1492" spans="1:19">
      <c r="A1492" s="6">
        <v>1493</v>
      </c>
      <c r="B1492" s="6">
        <v>97284</v>
      </c>
      <c r="C1492" s="6">
        <v>99777</v>
      </c>
      <c r="D1492" s="6">
        <f t="shared" si="46"/>
        <v>-2493</v>
      </c>
      <c r="E1492" s="7">
        <f t="shared" si="47"/>
        <v>-2.5626002220303441E-2</v>
      </c>
      <c r="H1492" s="8"/>
      <c r="S1492" s="8"/>
    </row>
    <row r="1493" spans="1:19">
      <c r="A1493" s="6">
        <v>1494</v>
      </c>
      <c r="B1493" s="6">
        <v>97342</v>
      </c>
      <c r="C1493" s="6">
        <v>100456</v>
      </c>
      <c r="D1493" s="6">
        <f t="shared" si="46"/>
        <v>-3114</v>
      </c>
      <c r="E1493" s="7">
        <f t="shared" si="47"/>
        <v>-3.1990302233362786E-2</v>
      </c>
      <c r="H1493" s="8"/>
      <c r="S1493" s="8"/>
    </row>
    <row r="1494" spans="1:19">
      <c r="A1494" s="6">
        <v>1495</v>
      </c>
      <c r="B1494" s="6">
        <v>97376</v>
      </c>
      <c r="C1494" s="6">
        <v>100360</v>
      </c>
      <c r="D1494" s="6">
        <f t="shared" si="46"/>
        <v>-2984</v>
      </c>
      <c r="E1494" s="7">
        <f t="shared" si="47"/>
        <v>-3.0644101215905356E-2</v>
      </c>
      <c r="H1494" s="8"/>
      <c r="S1494" s="8"/>
    </row>
    <row r="1495" spans="1:19">
      <c r="A1495" s="6">
        <v>1496</v>
      </c>
      <c r="B1495" s="6">
        <v>97362</v>
      </c>
      <c r="C1495" s="6">
        <v>101909</v>
      </c>
      <c r="D1495" s="6">
        <f t="shared" si="46"/>
        <v>-4547</v>
      </c>
      <c r="E1495" s="7">
        <f t="shared" si="47"/>
        <v>-4.6701998726402495E-2</v>
      </c>
      <c r="H1495" s="8"/>
      <c r="S1495" s="8"/>
    </row>
    <row r="1496" spans="1:19">
      <c r="A1496" s="6">
        <v>1497</v>
      </c>
      <c r="B1496" s="6">
        <v>96930</v>
      </c>
      <c r="C1496" s="6">
        <v>101458</v>
      </c>
      <c r="D1496" s="6">
        <f t="shared" si="46"/>
        <v>-4528</v>
      </c>
      <c r="E1496" s="7">
        <f t="shared" si="47"/>
        <v>-4.6714123594346436E-2</v>
      </c>
      <c r="H1496" s="8"/>
      <c r="S1496" s="8"/>
    </row>
    <row r="1497" spans="1:19">
      <c r="A1497" s="6">
        <v>1498</v>
      </c>
      <c r="B1497" s="6">
        <v>96867</v>
      </c>
      <c r="C1497" s="6">
        <v>101440</v>
      </c>
      <c r="D1497" s="6">
        <f t="shared" si="46"/>
        <v>-4573</v>
      </c>
      <c r="E1497" s="7">
        <f t="shared" si="47"/>
        <v>-4.7209059844942031E-2</v>
      </c>
      <c r="H1497" s="8"/>
      <c r="S1497" s="8"/>
    </row>
    <row r="1498" spans="1:19">
      <c r="A1498" s="6">
        <v>1499</v>
      </c>
      <c r="B1498" s="6">
        <v>96893</v>
      </c>
      <c r="C1498" s="6">
        <v>101521</v>
      </c>
      <c r="D1498" s="6">
        <f t="shared" si="46"/>
        <v>-4628</v>
      </c>
      <c r="E1498" s="7">
        <f t="shared" si="47"/>
        <v>-4.7764028361181925E-2</v>
      </c>
      <c r="H1498" s="8"/>
      <c r="S1498" s="8"/>
    </row>
    <row r="1499" spans="1:19">
      <c r="A1499" s="6">
        <v>1500</v>
      </c>
      <c r="B1499" s="6">
        <v>97336</v>
      </c>
      <c r="C1499" s="6">
        <v>101076</v>
      </c>
      <c r="D1499" s="6">
        <f t="shared" si="46"/>
        <v>-3740</v>
      </c>
      <c r="E1499" s="7">
        <f t="shared" si="47"/>
        <v>-3.8423604832744311E-2</v>
      </c>
      <c r="H1499" s="8"/>
      <c r="S1499" s="8"/>
    </row>
    <row r="1500" spans="1:19">
      <c r="A1500" s="6">
        <v>1501</v>
      </c>
      <c r="B1500" s="6">
        <v>96918</v>
      </c>
      <c r="C1500" s="6">
        <v>100633</v>
      </c>
      <c r="D1500" s="6">
        <f t="shared" si="46"/>
        <v>-3715</v>
      </c>
      <c r="E1500" s="7">
        <f t="shared" si="47"/>
        <v>-3.8331372913184343E-2</v>
      </c>
      <c r="H1500" s="8"/>
      <c r="S1500" s="8"/>
    </row>
    <row r="1501" spans="1:19">
      <c r="A1501" s="6">
        <v>1502</v>
      </c>
      <c r="B1501" s="6">
        <v>96954</v>
      </c>
      <c r="C1501" s="6">
        <v>101041</v>
      </c>
      <c r="D1501" s="6">
        <f t="shared" si="46"/>
        <v>-4087</v>
      </c>
      <c r="E1501" s="7">
        <f t="shared" si="47"/>
        <v>-4.215401118055985E-2</v>
      </c>
      <c r="H1501" s="8"/>
      <c r="S1501" s="8"/>
    </row>
    <row r="1502" spans="1:19">
      <c r="A1502" s="6">
        <v>1503</v>
      </c>
      <c r="B1502" s="6">
        <v>96986</v>
      </c>
      <c r="C1502" s="6">
        <v>101038</v>
      </c>
      <c r="D1502" s="6">
        <f t="shared" si="46"/>
        <v>-4052</v>
      </c>
      <c r="E1502" s="7">
        <f t="shared" si="47"/>
        <v>-4.1779225867651003E-2</v>
      </c>
      <c r="H1502" s="8"/>
      <c r="S1502" s="8"/>
    </row>
    <row r="1503" spans="1:19">
      <c r="A1503" s="6">
        <v>1504</v>
      </c>
      <c r="B1503" s="6">
        <v>98517</v>
      </c>
      <c r="C1503" s="6">
        <v>102703</v>
      </c>
      <c r="D1503" s="6">
        <f t="shared" si="46"/>
        <v>-4186</v>
      </c>
      <c r="E1503" s="7">
        <f t="shared" si="47"/>
        <v>-4.249012860724545E-2</v>
      </c>
      <c r="H1503" s="8"/>
      <c r="S1503" s="8"/>
    </row>
    <row r="1504" spans="1:19">
      <c r="A1504" s="6">
        <v>1505</v>
      </c>
      <c r="B1504" s="6">
        <v>98122</v>
      </c>
      <c r="C1504" s="6">
        <v>102280</v>
      </c>
      <c r="D1504" s="6">
        <f t="shared" si="46"/>
        <v>-4158</v>
      </c>
      <c r="E1504" s="7">
        <f t="shared" si="47"/>
        <v>-4.237581785939952E-2</v>
      </c>
      <c r="H1504" s="8"/>
      <c r="S1504" s="8"/>
    </row>
    <row r="1505" spans="1:19">
      <c r="A1505" s="6">
        <v>1506</v>
      </c>
      <c r="B1505" s="6">
        <v>98569</v>
      </c>
      <c r="C1505" s="6">
        <v>102337</v>
      </c>
      <c r="D1505" s="6">
        <f t="shared" si="46"/>
        <v>-3768</v>
      </c>
      <c r="E1505" s="7">
        <f t="shared" si="47"/>
        <v>-3.8227028781868538E-2</v>
      </c>
      <c r="H1505" s="8"/>
      <c r="S1505" s="8"/>
    </row>
    <row r="1506" spans="1:19">
      <c r="A1506" s="6">
        <v>1507</v>
      </c>
      <c r="B1506" s="6">
        <v>98188</v>
      </c>
      <c r="C1506" s="6">
        <v>102295</v>
      </c>
      <c r="D1506" s="6">
        <f t="shared" si="46"/>
        <v>-4107</v>
      </c>
      <c r="E1506" s="7">
        <f t="shared" si="47"/>
        <v>-4.1827921945655273E-2</v>
      </c>
      <c r="H1506" s="8"/>
      <c r="S1506" s="8"/>
    </row>
    <row r="1507" spans="1:19">
      <c r="A1507" s="6">
        <v>1508</v>
      </c>
      <c r="B1507" s="6">
        <v>97896</v>
      </c>
      <c r="C1507" s="6">
        <v>101876</v>
      </c>
      <c r="D1507" s="6">
        <f t="shared" si="46"/>
        <v>-3980</v>
      </c>
      <c r="E1507" s="7">
        <f t="shared" si="47"/>
        <v>-4.0655389392825036E-2</v>
      </c>
      <c r="H1507" s="8"/>
      <c r="S1507" s="8"/>
    </row>
    <row r="1508" spans="1:19">
      <c r="A1508" s="6">
        <v>1509</v>
      </c>
      <c r="B1508" s="6">
        <v>97290</v>
      </c>
      <c r="C1508" s="6">
        <v>101453</v>
      </c>
      <c r="D1508" s="6">
        <f t="shared" si="46"/>
        <v>-4163</v>
      </c>
      <c r="E1508" s="7">
        <f t="shared" si="47"/>
        <v>-4.2789598108747044E-2</v>
      </c>
      <c r="H1508" s="8"/>
      <c r="S1508" s="8"/>
    </row>
    <row r="1509" spans="1:19">
      <c r="A1509" s="6">
        <v>1510</v>
      </c>
      <c r="B1509" s="6">
        <v>97688</v>
      </c>
      <c r="C1509" s="6">
        <v>101867</v>
      </c>
      <c r="D1509" s="6">
        <f t="shared" si="46"/>
        <v>-4179</v>
      </c>
      <c r="E1509" s="7">
        <f t="shared" si="47"/>
        <v>-4.2779051674719515E-2</v>
      </c>
      <c r="H1509" s="8"/>
      <c r="S1509" s="8"/>
    </row>
    <row r="1510" spans="1:19">
      <c r="A1510" s="6">
        <v>1511</v>
      </c>
      <c r="B1510" s="6">
        <v>98700</v>
      </c>
      <c r="C1510" s="6">
        <v>101880</v>
      </c>
      <c r="D1510" s="6">
        <f t="shared" si="46"/>
        <v>-3180</v>
      </c>
      <c r="E1510" s="7">
        <f t="shared" si="47"/>
        <v>-3.2218844984802431E-2</v>
      </c>
      <c r="H1510" s="8"/>
      <c r="S1510" s="8"/>
    </row>
    <row r="1511" spans="1:19">
      <c r="A1511" s="6">
        <v>1512</v>
      </c>
      <c r="B1511" s="6">
        <v>97761</v>
      </c>
      <c r="C1511" s="6">
        <v>103592</v>
      </c>
      <c r="D1511" s="6">
        <f t="shared" si="46"/>
        <v>-5831</v>
      </c>
      <c r="E1511" s="7">
        <f t="shared" si="47"/>
        <v>-5.9645461891756429E-2</v>
      </c>
      <c r="H1511" s="8"/>
      <c r="S1511" s="8"/>
    </row>
    <row r="1512" spans="1:19">
      <c r="A1512" s="6">
        <v>1513</v>
      </c>
      <c r="B1512" s="6">
        <v>97302</v>
      </c>
      <c r="C1512" s="6">
        <v>103120</v>
      </c>
      <c r="D1512" s="6">
        <f t="shared" si="46"/>
        <v>-5818</v>
      </c>
      <c r="E1512" s="7">
        <f t="shared" si="47"/>
        <v>-5.979322110542435E-2</v>
      </c>
      <c r="H1512" s="8"/>
      <c r="S1512" s="8"/>
    </row>
    <row r="1513" spans="1:19">
      <c r="A1513" s="6">
        <v>1514</v>
      </c>
      <c r="B1513" s="6">
        <v>97281</v>
      </c>
      <c r="C1513" s="6">
        <v>103160</v>
      </c>
      <c r="D1513" s="6">
        <f t="shared" si="46"/>
        <v>-5879</v>
      </c>
      <c r="E1513" s="7">
        <f t="shared" si="47"/>
        <v>-6.0433178112889466E-2</v>
      </c>
      <c r="H1513" s="8"/>
      <c r="S1513" s="8"/>
    </row>
    <row r="1514" spans="1:19">
      <c r="A1514" s="6">
        <v>1515</v>
      </c>
      <c r="B1514" s="6">
        <v>97464</v>
      </c>
      <c r="C1514" s="6">
        <v>104339</v>
      </c>
      <c r="D1514" s="6">
        <f t="shared" si="46"/>
        <v>-6875</v>
      </c>
      <c r="E1514" s="7">
        <f t="shared" si="47"/>
        <v>-7.0538865632438649E-2</v>
      </c>
      <c r="H1514" s="8"/>
      <c r="S1514" s="8"/>
    </row>
    <row r="1515" spans="1:19">
      <c r="A1515" s="6">
        <v>1516</v>
      </c>
      <c r="B1515" s="6">
        <v>97304</v>
      </c>
      <c r="C1515" s="6">
        <v>102734</v>
      </c>
      <c r="D1515" s="6">
        <f t="shared" si="46"/>
        <v>-5430</v>
      </c>
      <c r="E1515" s="7">
        <f t="shared" si="47"/>
        <v>-5.5804489024089451E-2</v>
      </c>
      <c r="H1515" s="8"/>
      <c r="S1515" s="8"/>
    </row>
    <row r="1516" spans="1:19">
      <c r="A1516" s="6">
        <v>1517</v>
      </c>
      <c r="B1516" s="6">
        <v>96854</v>
      </c>
      <c r="C1516" s="6">
        <v>102451</v>
      </c>
      <c r="D1516" s="6">
        <f t="shared" si="46"/>
        <v>-5597</v>
      </c>
      <c r="E1516" s="7">
        <f t="shared" si="47"/>
        <v>-5.7788010820410102E-2</v>
      </c>
      <c r="H1516" s="8"/>
      <c r="S1516" s="8"/>
    </row>
    <row r="1517" spans="1:19">
      <c r="A1517" s="6">
        <v>1518</v>
      </c>
      <c r="B1517" s="6">
        <v>96862</v>
      </c>
      <c r="C1517" s="6">
        <v>102699</v>
      </c>
      <c r="D1517" s="6">
        <f t="shared" si="46"/>
        <v>-5837</v>
      </c>
      <c r="E1517" s="7">
        <f t="shared" si="47"/>
        <v>-6.0260989861865337E-2</v>
      </c>
      <c r="H1517" s="8"/>
      <c r="S1517" s="8"/>
    </row>
    <row r="1518" spans="1:19">
      <c r="A1518" s="6">
        <v>1519</v>
      </c>
      <c r="B1518" s="6">
        <v>96929</v>
      </c>
      <c r="C1518" s="6">
        <v>103356</v>
      </c>
      <c r="D1518" s="6">
        <f t="shared" si="46"/>
        <v>-6427</v>
      </c>
      <c r="E1518" s="7">
        <f t="shared" si="47"/>
        <v>-6.6306265410764578E-2</v>
      </c>
      <c r="H1518" s="8"/>
      <c r="S1518" s="8"/>
    </row>
    <row r="1519" spans="1:19">
      <c r="A1519" s="6">
        <v>1520</v>
      </c>
      <c r="B1519" s="6">
        <v>98153</v>
      </c>
      <c r="C1519" s="6">
        <v>105412</v>
      </c>
      <c r="D1519" s="6">
        <f t="shared" si="46"/>
        <v>-7259</v>
      </c>
      <c r="E1519" s="7">
        <f t="shared" si="47"/>
        <v>-7.3955966705042134E-2</v>
      </c>
      <c r="H1519" s="8"/>
      <c r="S1519" s="8"/>
    </row>
    <row r="1520" spans="1:19">
      <c r="A1520" s="6">
        <v>1521</v>
      </c>
      <c r="B1520" s="6">
        <v>97706</v>
      </c>
      <c r="C1520" s="6">
        <v>103971</v>
      </c>
      <c r="D1520" s="6">
        <f t="shared" si="46"/>
        <v>-6265</v>
      </c>
      <c r="E1520" s="7">
        <f t="shared" si="47"/>
        <v>-6.412093423126522E-2</v>
      </c>
      <c r="H1520" s="8"/>
      <c r="S1520" s="8"/>
    </row>
    <row r="1521" spans="1:19">
      <c r="A1521" s="6">
        <v>1522</v>
      </c>
      <c r="B1521" s="6">
        <v>97726</v>
      </c>
      <c r="C1521" s="6">
        <v>103949</v>
      </c>
      <c r="D1521" s="6">
        <f t="shared" si="46"/>
        <v>-6223</v>
      </c>
      <c r="E1521" s="7">
        <f t="shared" si="47"/>
        <v>-6.367803859771197E-2</v>
      </c>
      <c r="H1521" s="8"/>
      <c r="S1521" s="8"/>
    </row>
    <row r="1522" spans="1:19">
      <c r="A1522" s="6">
        <v>1523</v>
      </c>
      <c r="B1522" s="6">
        <v>97922</v>
      </c>
      <c r="C1522" s="6">
        <v>104025</v>
      </c>
      <c r="D1522" s="6">
        <f t="shared" si="46"/>
        <v>-6103</v>
      </c>
      <c r="E1522" s="7">
        <f t="shared" si="47"/>
        <v>-6.2325115908580302E-2</v>
      </c>
      <c r="H1522" s="8"/>
      <c r="S1522" s="8"/>
    </row>
    <row r="1523" spans="1:19">
      <c r="A1523" s="6">
        <v>1524</v>
      </c>
      <c r="B1523" s="6">
        <v>97744</v>
      </c>
      <c r="C1523" s="6">
        <v>103568</v>
      </c>
      <c r="D1523" s="6">
        <f t="shared" si="46"/>
        <v>-5824</v>
      </c>
      <c r="E1523" s="7">
        <f t="shared" si="47"/>
        <v>-5.9584220003273861E-2</v>
      </c>
      <c r="H1523" s="8"/>
      <c r="S1523" s="8"/>
    </row>
    <row r="1524" spans="1:19">
      <c r="A1524" s="6">
        <v>1525</v>
      </c>
      <c r="B1524" s="6">
        <v>97276</v>
      </c>
      <c r="C1524" s="6">
        <v>103163</v>
      </c>
      <c r="D1524" s="6">
        <f t="shared" si="46"/>
        <v>-5887</v>
      </c>
      <c r="E1524" s="7">
        <f t="shared" si="47"/>
        <v>-6.051852461038694E-2</v>
      </c>
      <c r="H1524" s="8"/>
      <c r="S1524" s="8"/>
    </row>
    <row r="1525" spans="1:19">
      <c r="A1525" s="6">
        <v>1526</v>
      </c>
      <c r="B1525" s="6">
        <v>97281</v>
      </c>
      <c r="C1525" s="6">
        <v>103587</v>
      </c>
      <c r="D1525" s="6">
        <f t="shared" si="46"/>
        <v>-6306</v>
      </c>
      <c r="E1525" s="7">
        <f t="shared" si="47"/>
        <v>-6.4822524439510282E-2</v>
      </c>
      <c r="H1525" s="8"/>
      <c r="S1525" s="8"/>
    </row>
    <row r="1526" spans="1:19">
      <c r="A1526" s="6">
        <v>1527</v>
      </c>
      <c r="B1526" s="6">
        <v>97285</v>
      </c>
      <c r="C1526" s="6">
        <v>103520</v>
      </c>
      <c r="D1526" s="6">
        <f t="shared" si="46"/>
        <v>-6235</v>
      </c>
      <c r="E1526" s="7">
        <f t="shared" si="47"/>
        <v>-6.409004471398469E-2</v>
      </c>
      <c r="H1526" s="8"/>
      <c r="S1526" s="8"/>
    </row>
    <row r="1527" spans="1:19">
      <c r="A1527" s="6">
        <v>1528</v>
      </c>
      <c r="B1527" s="6">
        <v>97897</v>
      </c>
      <c r="C1527" s="6">
        <v>105192</v>
      </c>
      <c r="D1527" s="6">
        <f t="shared" si="46"/>
        <v>-7295</v>
      </c>
      <c r="E1527" s="7">
        <f t="shared" si="47"/>
        <v>-7.4517094497277753E-2</v>
      </c>
      <c r="H1527" s="8"/>
      <c r="S1527" s="8"/>
    </row>
    <row r="1528" spans="1:19">
      <c r="A1528" s="6">
        <v>1529</v>
      </c>
      <c r="B1528" s="6">
        <v>97324</v>
      </c>
      <c r="C1528" s="6">
        <v>104789</v>
      </c>
      <c r="D1528" s="6">
        <f t="shared" si="46"/>
        <v>-7465</v>
      </c>
      <c r="E1528" s="7">
        <f t="shared" si="47"/>
        <v>-7.6702560519501875E-2</v>
      </c>
      <c r="H1528" s="8"/>
      <c r="S1528" s="8"/>
    </row>
    <row r="1529" spans="1:19">
      <c r="A1529" s="6">
        <v>1530</v>
      </c>
      <c r="B1529" s="6">
        <v>97283</v>
      </c>
      <c r="C1529" s="6">
        <v>104780</v>
      </c>
      <c r="D1529" s="6">
        <f t="shared" si="46"/>
        <v>-7497</v>
      </c>
      <c r="E1529" s="7">
        <f t="shared" si="47"/>
        <v>-7.7063824100819259E-2</v>
      </c>
      <c r="H1529" s="8"/>
      <c r="S1529" s="8"/>
    </row>
    <row r="1530" spans="1:19">
      <c r="A1530" s="6">
        <v>1531</v>
      </c>
      <c r="B1530" s="6">
        <v>97355</v>
      </c>
      <c r="C1530" s="6">
        <v>115355</v>
      </c>
      <c r="D1530" s="6">
        <f t="shared" si="46"/>
        <v>-18000</v>
      </c>
      <c r="E1530" s="7">
        <f t="shared" si="47"/>
        <v>-0.18489034975091162</v>
      </c>
      <c r="H1530" s="8"/>
      <c r="S1530" s="8"/>
    </row>
    <row r="1531" spans="1:19">
      <c r="A1531" s="6">
        <v>1532</v>
      </c>
      <c r="B1531" s="6">
        <v>97323</v>
      </c>
      <c r="C1531" s="6">
        <v>104370</v>
      </c>
      <c r="D1531" s="6">
        <f t="shared" si="46"/>
        <v>-7047</v>
      </c>
      <c r="E1531" s="7">
        <f t="shared" si="47"/>
        <v>-7.2408372121697845E-2</v>
      </c>
      <c r="H1531" s="8"/>
      <c r="S1531" s="8"/>
    </row>
    <row r="1532" spans="1:19">
      <c r="A1532" s="6">
        <v>1533</v>
      </c>
      <c r="B1532" s="6">
        <v>97332</v>
      </c>
      <c r="C1532" s="6">
        <v>104173</v>
      </c>
      <c r="D1532" s="6">
        <f t="shared" si="46"/>
        <v>-6841</v>
      </c>
      <c r="E1532" s="7">
        <f t="shared" si="47"/>
        <v>-7.0285209386429945E-2</v>
      </c>
      <c r="H1532" s="8"/>
      <c r="S1532" s="8"/>
    </row>
    <row r="1533" spans="1:19">
      <c r="A1533" s="6">
        <v>1534</v>
      </c>
      <c r="B1533" s="6">
        <v>97377</v>
      </c>
      <c r="C1533" s="6">
        <v>104406</v>
      </c>
      <c r="D1533" s="6">
        <f t="shared" si="46"/>
        <v>-7029</v>
      </c>
      <c r="E1533" s="7">
        <f t="shared" si="47"/>
        <v>-7.2183369789580704E-2</v>
      </c>
      <c r="H1533" s="8"/>
      <c r="S1533" s="8"/>
    </row>
    <row r="1534" spans="1:19">
      <c r="A1534" s="6">
        <v>1535</v>
      </c>
      <c r="B1534" s="6">
        <v>97364</v>
      </c>
      <c r="C1534" s="6">
        <v>104557</v>
      </c>
      <c r="D1534" s="6">
        <f t="shared" si="46"/>
        <v>-7193</v>
      </c>
      <c r="E1534" s="7">
        <f t="shared" si="47"/>
        <v>-7.3877408487736745E-2</v>
      </c>
      <c r="H1534" s="8"/>
      <c r="S1534" s="8"/>
    </row>
    <row r="1535" spans="1:19">
      <c r="A1535" s="6">
        <v>1536</v>
      </c>
      <c r="B1535" s="6">
        <v>90595</v>
      </c>
      <c r="C1535" s="6">
        <v>90827</v>
      </c>
      <c r="D1535" s="6">
        <f t="shared" si="46"/>
        <v>-232</v>
      </c>
      <c r="E1535" s="7">
        <f t="shared" si="47"/>
        <v>-2.5608477289033611E-3</v>
      </c>
      <c r="H1535" s="8"/>
      <c r="S1535" s="8"/>
    </row>
    <row r="1536" spans="1:19">
      <c r="A1536" s="6">
        <v>1537</v>
      </c>
      <c r="B1536" s="6">
        <v>101855</v>
      </c>
      <c r="C1536" s="6">
        <v>100378</v>
      </c>
      <c r="D1536" s="6">
        <f t="shared" si="46"/>
        <v>1477</v>
      </c>
      <c r="E1536" s="7">
        <f t="shared" si="47"/>
        <v>1.4501006332531539E-2</v>
      </c>
      <c r="H1536" s="8"/>
      <c r="S1536" s="8"/>
    </row>
    <row r="1537" spans="1:19">
      <c r="A1537" s="6">
        <v>1538</v>
      </c>
      <c r="B1537" s="6">
        <v>101886</v>
      </c>
      <c r="C1537" s="6">
        <v>100183</v>
      </c>
      <c r="D1537" s="6">
        <f t="shared" si="46"/>
        <v>1703</v>
      </c>
      <c r="E1537" s="7">
        <f t="shared" si="47"/>
        <v>1.6714759633315666E-2</v>
      </c>
      <c r="H1537" s="8"/>
      <c r="S1537" s="8"/>
    </row>
    <row r="1538" spans="1:19">
      <c r="A1538" s="6">
        <v>1539</v>
      </c>
      <c r="B1538" s="6">
        <v>101916</v>
      </c>
      <c r="C1538" s="6">
        <v>100188</v>
      </c>
      <c r="D1538" s="6">
        <f t="shared" si="46"/>
        <v>1728</v>
      </c>
      <c r="E1538" s="7">
        <f t="shared" si="47"/>
        <v>1.6955139526669022E-2</v>
      </c>
      <c r="H1538" s="8"/>
      <c r="S1538" s="8"/>
    </row>
    <row r="1539" spans="1:19">
      <c r="A1539" s="6">
        <v>1540</v>
      </c>
      <c r="B1539" s="6">
        <v>101500</v>
      </c>
      <c r="C1539" s="6">
        <v>99839</v>
      </c>
      <c r="D1539" s="6">
        <f t="shared" si="46"/>
        <v>1661</v>
      </c>
      <c r="E1539" s="7">
        <f t="shared" si="47"/>
        <v>1.6364532019704434E-2</v>
      </c>
      <c r="H1539" s="8"/>
      <c r="S1539" s="8"/>
    </row>
    <row r="1540" spans="1:19">
      <c r="A1540" s="6">
        <v>1541</v>
      </c>
      <c r="B1540" s="6">
        <v>101035</v>
      </c>
      <c r="C1540" s="6">
        <v>99352</v>
      </c>
      <c r="D1540" s="6">
        <f t="shared" ref="D1540:D1603" si="48">B1540-C1540</f>
        <v>1683</v>
      </c>
      <c r="E1540" s="7">
        <f t="shared" ref="E1540:E1603" si="49">D1540/B1540</f>
        <v>1.6657593903102886E-2</v>
      </c>
      <c r="H1540" s="8"/>
      <c r="S1540" s="8"/>
    </row>
    <row r="1541" spans="1:19">
      <c r="A1541" s="6">
        <v>1542</v>
      </c>
      <c r="B1541" s="6">
        <v>101536</v>
      </c>
      <c r="C1541" s="6">
        <v>99761</v>
      </c>
      <c r="D1541" s="6">
        <f t="shared" si="48"/>
        <v>1775</v>
      </c>
      <c r="E1541" s="7">
        <f t="shared" si="49"/>
        <v>1.748148439962181E-2</v>
      </c>
      <c r="H1541" s="8"/>
      <c r="S1541" s="8"/>
    </row>
    <row r="1542" spans="1:19">
      <c r="A1542" s="6">
        <v>1543</v>
      </c>
      <c r="B1542" s="6">
        <v>101432</v>
      </c>
      <c r="C1542" s="6">
        <v>99770</v>
      </c>
      <c r="D1542" s="6">
        <f t="shared" si="48"/>
        <v>1662</v>
      </c>
      <c r="E1542" s="7">
        <f t="shared" si="49"/>
        <v>1.6385361621578987E-2</v>
      </c>
      <c r="H1542" s="8"/>
      <c r="S1542" s="8"/>
    </row>
    <row r="1543" spans="1:19">
      <c r="A1543" s="6">
        <v>1544</v>
      </c>
      <c r="B1543" s="6">
        <v>101433</v>
      </c>
      <c r="C1543" s="6">
        <v>101469</v>
      </c>
      <c r="D1543" s="6">
        <f t="shared" si="48"/>
        <v>-36</v>
      </c>
      <c r="E1543" s="7">
        <f t="shared" si="49"/>
        <v>-3.5491408121617225E-4</v>
      </c>
      <c r="H1543" s="8"/>
      <c r="S1543" s="8"/>
    </row>
    <row r="1544" spans="1:19">
      <c r="A1544" s="6">
        <v>1545</v>
      </c>
      <c r="B1544" s="6">
        <v>101084</v>
      </c>
      <c r="C1544" s="6">
        <v>101208</v>
      </c>
      <c r="D1544" s="6">
        <f t="shared" si="48"/>
        <v>-124</v>
      </c>
      <c r="E1544" s="7">
        <f t="shared" si="49"/>
        <v>-1.2267025444185034E-3</v>
      </c>
      <c r="H1544" s="8"/>
      <c r="S1544" s="8"/>
    </row>
    <row r="1545" spans="1:19">
      <c r="A1545" s="6">
        <v>1546</v>
      </c>
      <c r="B1545" s="6">
        <v>101041</v>
      </c>
      <c r="C1545" s="6">
        <v>101086</v>
      </c>
      <c r="D1545" s="6">
        <f t="shared" si="48"/>
        <v>-45</v>
      </c>
      <c r="E1545" s="7">
        <f t="shared" si="49"/>
        <v>-4.4536376322482953E-4</v>
      </c>
      <c r="H1545" s="8"/>
      <c r="S1545" s="8"/>
    </row>
    <row r="1546" spans="1:19">
      <c r="A1546" s="6">
        <v>1547</v>
      </c>
      <c r="B1546" s="6">
        <v>101041</v>
      </c>
      <c r="C1546" s="6">
        <v>101056</v>
      </c>
      <c r="D1546" s="6">
        <f t="shared" si="48"/>
        <v>-15</v>
      </c>
      <c r="E1546" s="7">
        <f t="shared" si="49"/>
        <v>-1.4845458774160984E-4</v>
      </c>
      <c r="H1546" s="8"/>
      <c r="S1546" s="8"/>
    </row>
    <row r="1547" spans="1:19">
      <c r="A1547" s="6">
        <v>1548</v>
      </c>
      <c r="B1547" s="6">
        <v>101089</v>
      </c>
      <c r="C1547" s="6">
        <v>100675</v>
      </c>
      <c r="D1547" s="6">
        <f t="shared" si="48"/>
        <v>414</v>
      </c>
      <c r="E1547" s="7">
        <f t="shared" si="49"/>
        <v>4.0954010822146824E-3</v>
      </c>
      <c r="H1547" s="8"/>
      <c r="S1547" s="8"/>
    </row>
    <row r="1548" spans="1:19">
      <c r="A1548" s="6">
        <v>1549</v>
      </c>
      <c r="B1548" s="6">
        <v>100629</v>
      </c>
      <c r="C1548" s="6">
        <v>100200</v>
      </c>
      <c r="D1548" s="6">
        <f t="shared" si="48"/>
        <v>429</v>
      </c>
      <c r="E1548" s="7">
        <f t="shared" si="49"/>
        <v>4.2631845690606091E-3</v>
      </c>
      <c r="H1548" s="8"/>
      <c r="S1548" s="8"/>
    </row>
    <row r="1549" spans="1:19">
      <c r="A1549" s="6">
        <v>1550</v>
      </c>
      <c r="B1549" s="6">
        <v>100623</v>
      </c>
      <c r="C1549" s="6">
        <v>100698</v>
      </c>
      <c r="D1549" s="6">
        <f t="shared" si="48"/>
        <v>-75</v>
      </c>
      <c r="E1549" s="7">
        <f t="shared" si="49"/>
        <v>-7.4535642944456039E-4</v>
      </c>
      <c r="H1549" s="8"/>
      <c r="S1549" s="8"/>
    </row>
    <row r="1550" spans="1:19">
      <c r="A1550" s="6">
        <v>1551</v>
      </c>
      <c r="B1550" s="6">
        <v>100873</v>
      </c>
      <c r="C1550" s="6">
        <v>100637</v>
      </c>
      <c r="D1550" s="6">
        <f t="shared" si="48"/>
        <v>236</v>
      </c>
      <c r="E1550" s="7">
        <f t="shared" si="49"/>
        <v>2.3395755058340686E-3</v>
      </c>
      <c r="H1550" s="8"/>
      <c r="S1550" s="8"/>
    </row>
    <row r="1551" spans="1:19">
      <c r="A1551" s="6">
        <v>1552</v>
      </c>
      <c r="B1551" s="6">
        <v>101712</v>
      </c>
      <c r="C1551" s="6">
        <v>104415</v>
      </c>
      <c r="D1551" s="6">
        <f t="shared" si="48"/>
        <v>-2703</v>
      </c>
      <c r="E1551" s="7">
        <f t="shared" si="49"/>
        <v>-2.65750353940538E-2</v>
      </c>
      <c r="H1551" s="8"/>
      <c r="S1551" s="8"/>
    </row>
    <row r="1552" spans="1:19">
      <c r="A1552" s="6">
        <v>1553</v>
      </c>
      <c r="B1552" s="6">
        <v>101092</v>
      </c>
      <c r="C1552" s="6">
        <v>103975</v>
      </c>
      <c r="D1552" s="6">
        <f t="shared" si="48"/>
        <v>-2883</v>
      </c>
      <c r="E1552" s="7">
        <f t="shared" si="49"/>
        <v>-2.8518577137656789E-2</v>
      </c>
      <c r="H1552" s="8"/>
      <c r="S1552" s="8"/>
    </row>
    <row r="1553" spans="1:19">
      <c r="A1553" s="6">
        <v>1554</v>
      </c>
      <c r="B1553" s="6">
        <v>101090</v>
      </c>
      <c r="C1553" s="6">
        <v>103948</v>
      </c>
      <c r="D1553" s="6">
        <f t="shared" si="48"/>
        <v>-2858</v>
      </c>
      <c r="E1553" s="7">
        <f t="shared" si="49"/>
        <v>-2.8271836976951233E-2</v>
      </c>
      <c r="H1553" s="8"/>
      <c r="S1553" s="8"/>
    </row>
    <row r="1554" spans="1:19">
      <c r="A1554" s="6">
        <v>1555</v>
      </c>
      <c r="B1554" s="6">
        <v>101129</v>
      </c>
      <c r="C1554" s="6">
        <v>103934</v>
      </c>
      <c r="D1554" s="6">
        <f t="shared" si="48"/>
        <v>-2805</v>
      </c>
      <c r="E1554" s="7">
        <f t="shared" si="49"/>
        <v>-2.7736850952743527E-2</v>
      </c>
      <c r="H1554" s="8"/>
      <c r="S1554" s="8"/>
    </row>
    <row r="1555" spans="1:19">
      <c r="A1555" s="6">
        <v>1556</v>
      </c>
      <c r="B1555" s="6">
        <v>101092</v>
      </c>
      <c r="C1555" s="6">
        <v>103538</v>
      </c>
      <c r="D1555" s="6">
        <f t="shared" si="48"/>
        <v>-2446</v>
      </c>
      <c r="E1555" s="7">
        <f t="shared" si="49"/>
        <v>-2.4195782059905829E-2</v>
      </c>
      <c r="H1555" s="8"/>
      <c r="S1555" s="8"/>
    </row>
    <row r="1556" spans="1:19">
      <c r="A1556" s="6">
        <v>1557</v>
      </c>
      <c r="B1556" s="6">
        <v>100666</v>
      </c>
      <c r="C1556" s="6">
        <v>103168</v>
      </c>
      <c r="D1556" s="6">
        <f t="shared" si="48"/>
        <v>-2502</v>
      </c>
      <c r="E1556" s="7">
        <f t="shared" si="49"/>
        <v>-2.4854469234895597E-2</v>
      </c>
      <c r="H1556" s="8"/>
      <c r="S1556" s="8"/>
    </row>
    <row r="1557" spans="1:19">
      <c r="A1557" s="6">
        <v>1558</v>
      </c>
      <c r="B1557" s="6">
        <v>100712</v>
      </c>
      <c r="C1557" s="6">
        <v>103536</v>
      </c>
      <c r="D1557" s="6">
        <f t="shared" si="48"/>
        <v>-2824</v>
      </c>
      <c r="E1557" s="7">
        <f t="shared" si="49"/>
        <v>-2.8040352688855349E-2</v>
      </c>
      <c r="H1557" s="8"/>
      <c r="S1557" s="8"/>
    </row>
    <row r="1558" spans="1:19">
      <c r="A1558" s="6">
        <v>1559</v>
      </c>
      <c r="B1558" s="6">
        <v>100660</v>
      </c>
      <c r="C1558" s="6">
        <v>103588</v>
      </c>
      <c r="D1558" s="6">
        <f t="shared" si="48"/>
        <v>-2928</v>
      </c>
      <c r="E1558" s="7">
        <f t="shared" si="49"/>
        <v>-2.908801907411087E-2</v>
      </c>
      <c r="H1558" s="8"/>
      <c r="S1558" s="8"/>
    </row>
    <row r="1559" spans="1:19">
      <c r="A1559" s="6">
        <v>1560</v>
      </c>
      <c r="B1559" s="6">
        <v>100855</v>
      </c>
      <c r="C1559" s="6">
        <v>105205</v>
      </c>
      <c r="D1559" s="6">
        <f t="shared" si="48"/>
        <v>-4350</v>
      </c>
      <c r="E1559" s="7">
        <f t="shared" si="49"/>
        <v>-4.3131228000594914E-2</v>
      </c>
      <c r="H1559" s="8"/>
      <c r="S1559" s="8"/>
    </row>
    <row r="1560" spans="1:19">
      <c r="A1560" s="6">
        <v>1561</v>
      </c>
      <c r="B1560" s="6">
        <v>100227</v>
      </c>
      <c r="C1560" s="6">
        <v>104836</v>
      </c>
      <c r="D1560" s="6">
        <f t="shared" si="48"/>
        <v>-4609</v>
      </c>
      <c r="E1560" s="7">
        <f t="shared" si="49"/>
        <v>-4.5985612659263472E-2</v>
      </c>
      <c r="H1560" s="8"/>
      <c r="S1560" s="8"/>
    </row>
    <row r="1561" spans="1:19">
      <c r="A1561" s="6">
        <v>1562</v>
      </c>
      <c r="B1561" s="6">
        <v>100205</v>
      </c>
      <c r="C1561" s="6">
        <v>104847</v>
      </c>
      <c r="D1561" s="6">
        <f t="shared" si="48"/>
        <v>-4642</v>
      </c>
      <c r="E1561" s="7">
        <f t="shared" si="49"/>
        <v>-4.6325033680954045E-2</v>
      </c>
      <c r="H1561" s="8"/>
      <c r="S1561" s="8"/>
    </row>
    <row r="1562" spans="1:19">
      <c r="A1562" s="6">
        <v>1563</v>
      </c>
      <c r="B1562" s="6">
        <v>100308</v>
      </c>
      <c r="C1562" s="6">
        <v>104857</v>
      </c>
      <c r="D1562" s="6">
        <f t="shared" si="48"/>
        <v>-4549</v>
      </c>
      <c r="E1562" s="7">
        <f t="shared" si="49"/>
        <v>-4.5350321011285243E-2</v>
      </c>
      <c r="H1562" s="8"/>
      <c r="S1562" s="8"/>
    </row>
    <row r="1563" spans="1:19">
      <c r="A1563" s="6">
        <v>1564</v>
      </c>
      <c r="B1563" s="6">
        <v>100644</v>
      </c>
      <c r="C1563" s="6">
        <v>104365</v>
      </c>
      <c r="D1563" s="6">
        <f t="shared" si="48"/>
        <v>-3721</v>
      </c>
      <c r="E1563" s="7">
        <f t="shared" si="49"/>
        <v>-3.6971900957831566E-2</v>
      </c>
      <c r="H1563" s="8"/>
      <c r="S1563" s="8"/>
    </row>
    <row r="1564" spans="1:19">
      <c r="A1564" s="6">
        <v>1565</v>
      </c>
      <c r="B1564" s="6">
        <v>100258</v>
      </c>
      <c r="C1564" s="6">
        <v>104018</v>
      </c>
      <c r="D1564" s="6">
        <f t="shared" si="48"/>
        <v>-3760</v>
      </c>
      <c r="E1564" s="7">
        <f t="shared" si="49"/>
        <v>-3.7503241636577631E-2</v>
      </c>
      <c r="H1564" s="8"/>
      <c r="S1564" s="8"/>
    </row>
    <row r="1565" spans="1:19">
      <c r="A1565" s="6">
        <v>1566</v>
      </c>
      <c r="B1565" s="6">
        <v>100261</v>
      </c>
      <c r="C1565" s="6">
        <v>104440</v>
      </c>
      <c r="D1565" s="6">
        <f t="shared" si="48"/>
        <v>-4179</v>
      </c>
      <c r="E1565" s="7">
        <f t="shared" si="49"/>
        <v>-4.1681212036584515E-2</v>
      </c>
      <c r="H1565" s="8"/>
      <c r="S1565" s="8"/>
    </row>
    <row r="1566" spans="1:19">
      <c r="A1566" s="6">
        <v>1567</v>
      </c>
      <c r="B1566" s="6">
        <v>100209</v>
      </c>
      <c r="C1566" s="6">
        <v>104369</v>
      </c>
      <c r="D1566" s="6">
        <f t="shared" si="48"/>
        <v>-4160</v>
      </c>
      <c r="E1566" s="7">
        <f t="shared" si="49"/>
        <v>-4.1513237333971997E-2</v>
      </c>
      <c r="H1566" s="8"/>
      <c r="S1566" s="8"/>
    </row>
    <row r="1567" spans="1:19">
      <c r="A1567" s="6">
        <v>1568</v>
      </c>
      <c r="B1567" s="6">
        <v>101890</v>
      </c>
      <c r="C1567" s="6">
        <v>106096</v>
      </c>
      <c r="D1567" s="6">
        <f t="shared" si="48"/>
        <v>-4206</v>
      </c>
      <c r="E1567" s="7">
        <f t="shared" si="49"/>
        <v>-4.1279811561487877E-2</v>
      </c>
      <c r="H1567" s="8"/>
      <c r="S1567" s="8"/>
    </row>
    <row r="1568" spans="1:19">
      <c r="A1568" s="6">
        <v>1569</v>
      </c>
      <c r="B1568" s="6">
        <v>101519</v>
      </c>
      <c r="C1568" s="6">
        <v>105816</v>
      </c>
      <c r="D1568" s="6">
        <f t="shared" si="48"/>
        <v>-4297</v>
      </c>
      <c r="E1568" s="7">
        <f t="shared" si="49"/>
        <v>-4.2327052078921186E-2</v>
      </c>
      <c r="H1568" s="8"/>
      <c r="S1568" s="8"/>
    </row>
    <row r="1569" spans="1:19">
      <c r="A1569" s="6">
        <v>1570</v>
      </c>
      <c r="B1569" s="6">
        <v>101540</v>
      </c>
      <c r="C1569" s="6">
        <v>105627</v>
      </c>
      <c r="D1569" s="6">
        <f t="shared" si="48"/>
        <v>-4087</v>
      </c>
      <c r="E1569" s="7">
        <f t="shared" si="49"/>
        <v>-4.025014772503447E-2</v>
      </c>
      <c r="H1569" s="8"/>
      <c r="S1569" s="8"/>
    </row>
    <row r="1570" spans="1:19">
      <c r="A1570" s="6">
        <v>1571</v>
      </c>
      <c r="B1570" s="6">
        <v>101532</v>
      </c>
      <c r="C1570" s="6">
        <v>105686</v>
      </c>
      <c r="D1570" s="6">
        <f t="shared" si="48"/>
        <v>-4154</v>
      </c>
      <c r="E1570" s="7">
        <f t="shared" si="49"/>
        <v>-4.0913209628491508E-2</v>
      </c>
      <c r="H1570" s="8"/>
      <c r="S1570" s="8"/>
    </row>
    <row r="1571" spans="1:19">
      <c r="A1571" s="6">
        <v>1572</v>
      </c>
      <c r="B1571" s="6">
        <v>101093</v>
      </c>
      <c r="C1571" s="6">
        <v>105227</v>
      </c>
      <c r="D1571" s="6">
        <f t="shared" si="48"/>
        <v>-4134</v>
      </c>
      <c r="E1571" s="7">
        <f t="shared" si="49"/>
        <v>-4.0893039082824725E-2</v>
      </c>
      <c r="H1571" s="8"/>
      <c r="S1571" s="8"/>
    </row>
    <row r="1572" spans="1:19">
      <c r="A1572" s="6">
        <v>1573</v>
      </c>
      <c r="B1572" s="6">
        <v>100626</v>
      </c>
      <c r="C1572" s="6">
        <v>104851</v>
      </c>
      <c r="D1572" s="6">
        <f t="shared" si="48"/>
        <v>-4225</v>
      </c>
      <c r="E1572" s="7">
        <f t="shared" si="49"/>
        <v>-4.1987160376045954E-2</v>
      </c>
      <c r="H1572" s="8"/>
      <c r="S1572" s="8"/>
    </row>
    <row r="1573" spans="1:19">
      <c r="A1573" s="6">
        <v>1574</v>
      </c>
      <c r="B1573" s="6">
        <v>101023</v>
      </c>
      <c r="C1573" s="6">
        <v>105270</v>
      </c>
      <c r="D1573" s="6">
        <f t="shared" si="48"/>
        <v>-4247</v>
      </c>
      <c r="E1573" s="7">
        <f t="shared" si="49"/>
        <v>-4.2039931500747356E-2</v>
      </c>
      <c r="H1573" s="8"/>
      <c r="S1573" s="8"/>
    </row>
    <row r="1574" spans="1:19">
      <c r="A1574" s="6">
        <v>1575</v>
      </c>
      <c r="B1574" s="6">
        <v>101093</v>
      </c>
      <c r="C1574" s="6">
        <v>105201</v>
      </c>
      <c r="D1574" s="6">
        <f t="shared" si="48"/>
        <v>-4108</v>
      </c>
      <c r="E1574" s="7">
        <f t="shared" si="49"/>
        <v>-4.0635850157775516E-2</v>
      </c>
      <c r="H1574" s="8"/>
      <c r="S1574" s="8"/>
    </row>
    <row r="1575" spans="1:19">
      <c r="A1575" s="6">
        <v>1576</v>
      </c>
      <c r="B1575" s="6">
        <v>101039</v>
      </c>
      <c r="C1575" s="6">
        <v>106877</v>
      </c>
      <c r="D1575" s="6">
        <f t="shared" si="48"/>
        <v>-5838</v>
      </c>
      <c r="E1575" s="7">
        <f t="shared" si="49"/>
        <v>-5.7779669236631401E-2</v>
      </c>
      <c r="H1575" s="8"/>
      <c r="S1575" s="8"/>
    </row>
    <row r="1576" spans="1:19">
      <c r="A1576" s="6">
        <v>1577</v>
      </c>
      <c r="B1576" s="6">
        <v>100608</v>
      </c>
      <c r="C1576" s="6">
        <v>106514</v>
      </c>
      <c r="D1576" s="6">
        <f t="shared" si="48"/>
        <v>-5906</v>
      </c>
      <c r="E1576" s="7">
        <f t="shared" si="49"/>
        <v>-5.8703085241730277E-2</v>
      </c>
      <c r="H1576" s="8"/>
      <c r="S1576" s="8"/>
    </row>
    <row r="1577" spans="1:19">
      <c r="A1577" s="6">
        <v>1578</v>
      </c>
      <c r="B1577" s="6">
        <v>100624</v>
      </c>
      <c r="C1577" s="6">
        <v>106519</v>
      </c>
      <c r="D1577" s="6">
        <f t="shared" si="48"/>
        <v>-5895</v>
      </c>
      <c r="E1577" s="7">
        <f t="shared" si="49"/>
        <v>-5.8584433137223724E-2</v>
      </c>
      <c r="H1577" s="8"/>
      <c r="S1577" s="8"/>
    </row>
    <row r="1578" spans="1:19">
      <c r="A1578" s="6">
        <v>1579</v>
      </c>
      <c r="B1578" s="6">
        <v>100638</v>
      </c>
      <c r="C1578" s="6">
        <v>106471</v>
      </c>
      <c r="D1578" s="6">
        <f t="shared" si="48"/>
        <v>-5833</v>
      </c>
      <c r="E1578" s="7">
        <f t="shared" si="49"/>
        <v>-5.7960213835728053E-2</v>
      </c>
      <c r="H1578" s="8"/>
      <c r="S1578" s="8"/>
    </row>
    <row r="1579" spans="1:19">
      <c r="A1579" s="6">
        <v>1580</v>
      </c>
      <c r="B1579" s="6">
        <v>100615</v>
      </c>
      <c r="C1579" s="6">
        <v>106055</v>
      </c>
      <c r="D1579" s="6">
        <f t="shared" si="48"/>
        <v>-5440</v>
      </c>
      <c r="E1579" s="7">
        <f t="shared" si="49"/>
        <v>-5.4067484967450181E-2</v>
      </c>
      <c r="H1579" s="8"/>
      <c r="S1579" s="8"/>
    </row>
    <row r="1580" spans="1:19">
      <c r="A1580" s="6">
        <v>1581</v>
      </c>
      <c r="B1580" s="6">
        <v>100274</v>
      </c>
      <c r="C1580" s="6">
        <v>105620</v>
      </c>
      <c r="D1580" s="6">
        <f t="shared" si="48"/>
        <v>-5346</v>
      </c>
      <c r="E1580" s="7">
        <f t="shared" si="49"/>
        <v>-5.3313919859584738E-2</v>
      </c>
      <c r="H1580" s="8"/>
      <c r="S1580" s="8"/>
    </row>
    <row r="1581" spans="1:19">
      <c r="A1581" s="6">
        <v>1582</v>
      </c>
      <c r="B1581" s="6">
        <v>100251</v>
      </c>
      <c r="C1581" s="6">
        <v>106061</v>
      </c>
      <c r="D1581" s="6">
        <f t="shared" si="48"/>
        <v>-5810</v>
      </c>
      <c r="E1581" s="7">
        <f t="shared" si="49"/>
        <v>-5.7954534119360405E-2</v>
      </c>
      <c r="H1581" s="8"/>
      <c r="S1581" s="8"/>
    </row>
    <row r="1582" spans="1:19">
      <c r="A1582" s="6">
        <v>1583</v>
      </c>
      <c r="B1582" s="6">
        <v>100263</v>
      </c>
      <c r="C1582" s="6">
        <v>106074</v>
      </c>
      <c r="D1582" s="6">
        <f t="shared" si="48"/>
        <v>-5811</v>
      </c>
      <c r="E1582" s="7">
        <f t="shared" si="49"/>
        <v>-5.795757158672691E-2</v>
      </c>
      <c r="H1582" s="8"/>
      <c r="S1582" s="8"/>
    </row>
    <row r="1583" spans="1:19">
      <c r="A1583" s="6">
        <v>1584</v>
      </c>
      <c r="B1583" s="6">
        <v>101473</v>
      </c>
      <c r="C1583" s="6">
        <v>107699</v>
      </c>
      <c r="D1583" s="6">
        <f t="shared" si="48"/>
        <v>-6226</v>
      </c>
      <c r="E1583" s="7">
        <f t="shared" si="49"/>
        <v>-6.1356222837602122E-2</v>
      </c>
      <c r="H1583" s="8"/>
      <c r="S1583" s="8"/>
    </row>
    <row r="1584" spans="1:19">
      <c r="A1584" s="6">
        <v>1585</v>
      </c>
      <c r="B1584" s="6">
        <v>101042</v>
      </c>
      <c r="C1584" s="6">
        <v>107347</v>
      </c>
      <c r="D1584" s="6">
        <f t="shared" si="48"/>
        <v>-6305</v>
      </c>
      <c r="E1584" s="7">
        <f t="shared" si="49"/>
        <v>-6.2399794145009006E-2</v>
      </c>
      <c r="H1584" s="8"/>
      <c r="S1584" s="8"/>
    </row>
    <row r="1585" spans="1:19">
      <c r="A1585" s="6">
        <v>1586</v>
      </c>
      <c r="B1585" s="6">
        <v>101041</v>
      </c>
      <c r="C1585" s="6">
        <v>107294</v>
      </c>
      <c r="D1585" s="6">
        <f t="shared" si="48"/>
        <v>-6253</v>
      </c>
      <c r="E1585" s="7">
        <f t="shared" si="49"/>
        <v>-6.188576914321909E-2</v>
      </c>
      <c r="H1585" s="8"/>
      <c r="S1585" s="8"/>
    </row>
    <row r="1586" spans="1:19">
      <c r="A1586" s="6">
        <v>1587</v>
      </c>
      <c r="B1586" s="6">
        <v>102130</v>
      </c>
      <c r="C1586" s="6">
        <v>107540</v>
      </c>
      <c r="D1586" s="6">
        <f t="shared" si="48"/>
        <v>-5410</v>
      </c>
      <c r="E1586" s="7">
        <f t="shared" si="49"/>
        <v>-5.2971702731812398E-2</v>
      </c>
      <c r="H1586" s="8"/>
      <c r="S1586" s="8"/>
    </row>
    <row r="1587" spans="1:19">
      <c r="A1587" s="6">
        <v>1588</v>
      </c>
      <c r="B1587" s="6">
        <v>101060</v>
      </c>
      <c r="C1587" s="6">
        <v>106994</v>
      </c>
      <c r="D1587" s="6">
        <f t="shared" si="48"/>
        <v>-5934</v>
      </c>
      <c r="E1587" s="7">
        <f t="shared" si="49"/>
        <v>-5.8717593508806648E-2</v>
      </c>
      <c r="H1587" s="8"/>
      <c r="S1587" s="8"/>
    </row>
    <row r="1588" spans="1:19">
      <c r="A1588" s="6">
        <v>1589</v>
      </c>
      <c r="B1588" s="6">
        <v>100668</v>
      </c>
      <c r="C1588" s="6">
        <v>106501</v>
      </c>
      <c r="D1588" s="6">
        <f t="shared" si="48"/>
        <v>-5833</v>
      </c>
      <c r="E1588" s="7">
        <f t="shared" si="49"/>
        <v>-5.794294115309731E-2</v>
      </c>
      <c r="H1588" s="8"/>
      <c r="S1588" s="8"/>
    </row>
    <row r="1589" spans="1:19">
      <c r="A1589" s="6">
        <v>1590</v>
      </c>
      <c r="B1589" s="6">
        <v>100708</v>
      </c>
      <c r="C1589" s="6">
        <v>106886</v>
      </c>
      <c r="D1589" s="6">
        <f t="shared" si="48"/>
        <v>-6178</v>
      </c>
      <c r="E1589" s="7">
        <f t="shared" si="49"/>
        <v>-6.1345672637724905E-2</v>
      </c>
      <c r="H1589" s="8"/>
      <c r="S1589" s="8"/>
    </row>
    <row r="1590" spans="1:19">
      <c r="A1590" s="6">
        <v>1591</v>
      </c>
      <c r="B1590" s="6">
        <v>100612</v>
      </c>
      <c r="C1590" s="6">
        <v>106860</v>
      </c>
      <c r="D1590" s="6">
        <f t="shared" si="48"/>
        <v>-6248</v>
      </c>
      <c r="E1590" s="7">
        <f t="shared" si="49"/>
        <v>-6.2099948316304221E-2</v>
      </c>
      <c r="H1590" s="8"/>
      <c r="S1590" s="8"/>
    </row>
    <row r="1591" spans="1:19">
      <c r="A1591" s="6">
        <v>1592</v>
      </c>
      <c r="B1591" s="6">
        <v>101049</v>
      </c>
      <c r="C1591" s="6">
        <v>109595</v>
      </c>
      <c r="D1591" s="6">
        <f t="shared" si="48"/>
        <v>-8546</v>
      </c>
      <c r="E1591" s="7">
        <f t="shared" si="49"/>
        <v>-8.4572831002780832E-2</v>
      </c>
      <c r="H1591" s="8"/>
      <c r="S1591" s="8"/>
    </row>
    <row r="1592" spans="1:19">
      <c r="A1592" s="6">
        <v>1593</v>
      </c>
      <c r="B1592" s="6">
        <v>100629</v>
      </c>
      <c r="C1592" s="6">
        <v>108139</v>
      </c>
      <c r="D1592" s="6">
        <f t="shared" si="48"/>
        <v>-7510</v>
      </c>
      <c r="E1592" s="7">
        <f t="shared" si="49"/>
        <v>-7.4630573691480587E-2</v>
      </c>
      <c r="H1592" s="8"/>
      <c r="S1592" s="8"/>
    </row>
    <row r="1593" spans="1:19">
      <c r="A1593" s="6">
        <v>1594</v>
      </c>
      <c r="B1593" s="6">
        <v>100651</v>
      </c>
      <c r="C1593" s="6">
        <v>108181</v>
      </c>
      <c r="D1593" s="6">
        <f t="shared" si="48"/>
        <v>-7530</v>
      </c>
      <c r="E1593" s="7">
        <f t="shared" si="49"/>
        <v>-7.4812967581047385E-2</v>
      </c>
      <c r="H1593" s="8"/>
      <c r="S1593" s="8"/>
    </row>
    <row r="1594" spans="1:19">
      <c r="A1594" s="6">
        <v>1595</v>
      </c>
      <c r="B1594" s="6">
        <v>100703</v>
      </c>
      <c r="C1594" s="6">
        <v>108214</v>
      </c>
      <c r="D1594" s="6">
        <f t="shared" si="48"/>
        <v>-7511</v>
      </c>
      <c r="E1594" s="7">
        <f t="shared" si="49"/>
        <v>-7.4585662790582208E-2</v>
      </c>
      <c r="H1594" s="8"/>
      <c r="S1594" s="8"/>
    </row>
    <row r="1595" spans="1:19">
      <c r="A1595" s="6">
        <v>1596</v>
      </c>
      <c r="B1595" s="6">
        <v>101893</v>
      </c>
      <c r="C1595" s="6">
        <v>107711</v>
      </c>
      <c r="D1595" s="6">
        <f t="shared" si="48"/>
        <v>-5818</v>
      </c>
      <c r="E1595" s="7">
        <f t="shared" si="49"/>
        <v>-5.709911377621623E-2</v>
      </c>
      <c r="H1595" s="8"/>
      <c r="S1595" s="8"/>
    </row>
    <row r="1596" spans="1:19">
      <c r="A1596" s="6">
        <v>1597</v>
      </c>
      <c r="B1596" s="6">
        <v>100628</v>
      </c>
      <c r="C1596" s="6">
        <v>107474</v>
      </c>
      <c r="D1596" s="6">
        <f t="shared" si="48"/>
        <v>-6846</v>
      </c>
      <c r="E1596" s="7">
        <f t="shared" si="49"/>
        <v>-6.8032754302977297E-2</v>
      </c>
      <c r="H1596" s="8"/>
      <c r="S1596" s="8"/>
    </row>
    <row r="1597" spans="1:19">
      <c r="A1597" s="6">
        <v>1598</v>
      </c>
      <c r="B1597" s="6">
        <v>100933</v>
      </c>
      <c r="C1597" s="6">
        <v>107718</v>
      </c>
      <c r="D1597" s="6">
        <f t="shared" si="48"/>
        <v>-6785</v>
      </c>
      <c r="E1597" s="7">
        <f t="shared" si="49"/>
        <v>-6.7222811171767413E-2</v>
      </c>
      <c r="H1597" s="8"/>
      <c r="S1597" s="8"/>
    </row>
    <row r="1598" spans="1:19">
      <c r="A1598" s="6">
        <v>1599</v>
      </c>
      <c r="B1598" s="6">
        <v>101790</v>
      </c>
      <c r="C1598" s="6">
        <v>107708</v>
      </c>
      <c r="D1598" s="6">
        <f t="shared" si="48"/>
        <v>-5918</v>
      </c>
      <c r="E1598" s="7">
        <f t="shared" si="49"/>
        <v>-5.8139306415168485E-2</v>
      </c>
      <c r="H1598" s="8"/>
      <c r="S1598" s="8"/>
    </row>
    <row r="1599" spans="1:19">
      <c r="A1599" s="6">
        <v>1600</v>
      </c>
      <c r="B1599" s="6">
        <v>93949</v>
      </c>
      <c r="C1599" s="6">
        <v>93965</v>
      </c>
      <c r="D1599" s="6">
        <f t="shared" si="48"/>
        <v>-16</v>
      </c>
      <c r="E1599" s="7">
        <f t="shared" si="49"/>
        <v>-1.7030516556855316E-4</v>
      </c>
      <c r="H1599" s="8"/>
      <c r="S1599" s="8"/>
    </row>
    <row r="1600" spans="1:19">
      <c r="A1600" s="6">
        <v>1601</v>
      </c>
      <c r="B1600" s="6">
        <v>105268</v>
      </c>
      <c r="C1600" s="6">
        <v>103544</v>
      </c>
      <c r="D1600" s="6">
        <f t="shared" si="48"/>
        <v>1724</v>
      </c>
      <c r="E1600" s="7">
        <f t="shared" si="49"/>
        <v>1.6377246646654253E-2</v>
      </c>
      <c r="H1600" s="8"/>
      <c r="S1600" s="8"/>
    </row>
    <row r="1601" spans="1:19">
      <c r="A1601" s="6">
        <v>1602</v>
      </c>
      <c r="B1601" s="6">
        <v>105212</v>
      </c>
      <c r="C1601" s="6">
        <v>103739</v>
      </c>
      <c r="D1601" s="6">
        <f t="shared" si="48"/>
        <v>1473</v>
      </c>
      <c r="E1601" s="7">
        <f t="shared" si="49"/>
        <v>1.4000304147815839E-2</v>
      </c>
      <c r="H1601" s="8"/>
      <c r="S1601" s="8"/>
    </row>
    <row r="1602" spans="1:19">
      <c r="A1602" s="6">
        <v>1603</v>
      </c>
      <c r="B1602" s="6">
        <v>105200</v>
      </c>
      <c r="C1602" s="6">
        <v>103535</v>
      </c>
      <c r="D1602" s="6">
        <f t="shared" si="48"/>
        <v>1665</v>
      </c>
      <c r="E1602" s="7">
        <f t="shared" si="49"/>
        <v>1.5826996197718633E-2</v>
      </c>
      <c r="H1602" s="8"/>
      <c r="S1602" s="8"/>
    </row>
    <row r="1603" spans="1:19">
      <c r="A1603" s="6">
        <v>1604</v>
      </c>
      <c r="B1603" s="6">
        <v>104832</v>
      </c>
      <c r="C1603" s="6">
        <v>103130</v>
      </c>
      <c r="D1603" s="6">
        <f t="shared" si="48"/>
        <v>1702</v>
      </c>
      <c r="E1603" s="7">
        <f t="shared" si="49"/>
        <v>1.6235500610500612E-2</v>
      </c>
      <c r="H1603" s="8"/>
      <c r="S1603" s="8"/>
    </row>
    <row r="1604" spans="1:19">
      <c r="A1604" s="6">
        <v>1605</v>
      </c>
      <c r="B1604" s="6">
        <v>104378</v>
      </c>
      <c r="C1604" s="6">
        <v>102712</v>
      </c>
      <c r="D1604" s="6">
        <f t="shared" ref="D1604:D1667" si="50">B1604-C1604</f>
        <v>1666</v>
      </c>
      <c r="E1604" s="7">
        <f t="shared" ref="E1604:E1667" si="51">D1604/B1604</f>
        <v>1.5961217881162698E-2</v>
      </c>
      <c r="H1604" s="8"/>
      <c r="S1604" s="8"/>
    </row>
    <row r="1605" spans="1:19">
      <c r="A1605" s="6">
        <v>1606</v>
      </c>
      <c r="B1605" s="6">
        <v>104848</v>
      </c>
      <c r="C1605" s="6">
        <v>103116</v>
      </c>
      <c r="D1605" s="6">
        <f t="shared" si="50"/>
        <v>1732</v>
      </c>
      <c r="E1605" s="7">
        <f t="shared" si="51"/>
        <v>1.6519151533648711E-2</v>
      </c>
      <c r="H1605" s="8"/>
      <c r="S1605" s="8"/>
    </row>
    <row r="1606" spans="1:19">
      <c r="A1606" s="6">
        <v>1607</v>
      </c>
      <c r="B1606" s="6">
        <v>104788</v>
      </c>
      <c r="C1606" s="6">
        <v>103182</v>
      </c>
      <c r="D1606" s="6">
        <f t="shared" si="50"/>
        <v>1606</v>
      </c>
      <c r="E1606" s="7">
        <f t="shared" si="51"/>
        <v>1.5326182387296255E-2</v>
      </c>
      <c r="H1606" s="8"/>
      <c r="S1606" s="8"/>
    </row>
    <row r="1607" spans="1:19">
      <c r="A1607" s="6">
        <v>1608</v>
      </c>
      <c r="B1607" s="6">
        <v>104849</v>
      </c>
      <c r="C1607" s="6">
        <v>104845</v>
      </c>
      <c r="D1607" s="6">
        <f t="shared" si="50"/>
        <v>4</v>
      </c>
      <c r="E1607" s="7">
        <f t="shared" si="51"/>
        <v>3.8150101574645443E-5</v>
      </c>
      <c r="H1607" s="8"/>
      <c r="S1607" s="8"/>
    </row>
    <row r="1608" spans="1:19">
      <c r="A1608" s="6">
        <v>1609</v>
      </c>
      <c r="B1608" s="6">
        <v>105400</v>
      </c>
      <c r="C1608" s="6">
        <v>104423</v>
      </c>
      <c r="D1608" s="6">
        <f t="shared" si="50"/>
        <v>977</v>
      </c>
      <c r="E1608" s="7">
        <f t="shared" si="51"/>
        <v>9.2694497153700192E-3</v>
      </c>
      <c r="H1608" s="8"/>
      <c r="S1608" s="8"/>
    </row>
    <row r="1609" spans="1:19">
      <c r="A1609" s="6">
        <v>1610</v>
      </c>
      <c r="B1609" s="6">
        <v>104394</v>
      </c>
      <c r="C1609" s="6">
        <v>104399</v>
      </c>
      <c r="D1609" s="6">
        <f t="shared" si="50"/>
        <v>-5</v>
      </c>
      <c r="E1609" s="7">
        <f t="shared" si="51"/>
        <v>-4.7895472919899613E-5</v>
      </c>
      <c r="H1609" s="8"/>
      <c r="S1609" s="8"/>
    </row>
    <row r="1610" spans="1:19">
      <c r="A1610" s="6">
        <v>1611</v>
      </c>
      <c r="B1610" s="6">
        <v>104380</v>
      </c>
      <c r="C1610" s="6">
        <v>104426</v>
      </c>
      <c r="D1610" s="6">
        <f t="shared" si="50"/>
        <v>-46</v>
      </c>
      <c r="E1610" s="7">
        <f t="shared" si="51"/>
        <v>-4.4069745161908413E-4</v>
      </c>
      <c r="H1610" s="8"/>
      <c r="S1610" s="8"/>
    </row>
    <row r="1611" spans="1:19">
      <c r="A1611" s="6">
        <v>1612</v>
      </c>
      <c r="B1611" s="6">
        <v>104410</v>
      </c>
      <c r="C1611" s="6">
        <v>103955</v>
      </c>
      <c r="D1611" s="6">
        <f t="shared" si="50"/>
        <v>455</v>
      </c>
      <c r="E1611" s="7">
        <f t="shared" si="51"/>
        <v>4.357820132171248E-3</v>
      </c>
      <c r="H1611" s="8"/>
      <c r="S1611" s="8"/>
    </row>
    <row r="1612" spans="1:19">
      <c r="A1612" s="6">
        <v>1613</v>
      </c>
      <c r="B1612" s="6">
        <v>104001</v>
      </c>
      <c r="C1612" s="6">
        <v>103536</v>
      </c>
      <c r="D1612" s="6">
        <f t="shared" si="50"/>
        <v>465</v>
      </c>
      <c r="E1612" s="7">
        <f t="shared" si="51"/>
        <v>4.4711108547033198E-3</v>
      </c>
      <c r="H1612" s="8"/>
      <c r="S1612" s="8"/>
    </row>
    <row r="1613" spans="1:19">
      <c r="A1613" s="6">
        <v>1614</v>
      </c>
      <c r="B1613" s="6">
        <v>103959</v>
      </c>
      <c r="C1613" s="6">
        <v>104025</v>
      </c>
      <c r="D1613" s="6">
        <f t="shared" si="50"/>
        <v>-66</v>
      </c>
      <c r="E1613" s="7">
        <f t="shared" si="51"/>
        <v>-6.3486566819611582E-4</v>
      </c>
      <c r="H1613" s="8"/>
      <c r="S1613" s="8"/>
    </row>
    <row r="1614" spans="1:19">
      <c r="A1614" s="6">
        <v>1615</v>
      </c>
      <c r="B1614" s="6">
        <v>103979</v>
      </c>
      <c r="C1614" s="6">
        <v>104111</v>
      </c>
      <c r="D1614" s="6">
        <f t="shared" si="50"/>
        <v>-132</v>
      </c>
      <c r="E1614" s="7">
        <f t="shared" si="51"/>
        <v>-1.2694871079737254E-3</v>
      </c>
      <c r="H1614" s="8"/>
      <c r="S1614" s="8"/>
    </row>
    <row r="1615" spans="1:19">
      <c r="A1615" s="6">
        <v>1616</v>
      </c>
      <c r="B1615" s="6">
        <v>104834</v>
      </c>
      <c r="C1615" s="6">
        <v>107711</v>
      </c>
      <c r="D1615" s="6">
        <f t="shared" si="50"/>
        <v>-2877</v>
      </c>
      <c r="E1615" s="7">
        <f t="shared" si="51"/>
        <v>-2.7443386687525041E-2</v>
      </c>
      <c r="H1615" s="8"/>
      <c r="S1615" s="8"/>
    </row>
    <row r="1616" spans="1:19">
      <c r="A1616" s="6">
        <v>1617</v>
      </c>
      <c r="B1616" s="6">
        <v>104395</v>
      </c>
      <c r="C1616" s="6">
        <v>107363</v>
      </c>
      <c r="D1616" s="6">
        <f t="shared" si="50"/>
        <v>-2968</v>
      </c>
      <c r="E1616" s="7">
        <f t="shared" si="51"/>
        <v>-2.8430480386991714E-2</v>
      </c>
      <c r="H1616" s="8"/>
      <c r="S1616" s="8"/>
    </row>
    <row r="1617" spans="1:19">
      <c r="A1617" s="6">
        <v>1618</v>
      </c>
      <c r="B1617" s="6">
        <v>104400</v>
      </c>
      <c r="C1617" s="6">
        <v>107295</v>
      </c>
      <c r="D1617" s="6">
        <f t="shared" si="50"/>
        <v>-2895</v>
      </c>
      <c r="E1617" s="7">
        <f t="shared" si="51"/>
        <v>-2.7729885057471263E-2</v>
      </c>
      <c r="H1617" s="8"/>
      <c r="S1617" s="8"/>
    </row>
    <row r="1618" spans="1:19">
      <c r="A1618" s="6">
        <v>1619</v>
      </c>
      <c r="B1618" s="6">
        <v>104364</v>
      </c>
      <c r="C1618" s="6">
        <v>107297</v>
      </c>
      <c r="D1618" s="6">
        <f t="shared" si="50"/>
        <v>-2933</v>
      </c>
      <c r="E1618" s="7">
        <f t="shared" si="51"/>
        <v>-2.8103560614771376E-2</v>
      </c>
      <c r="H1618" s="8"/>
      <c r="S1618" s="8"/>
    </row>
    <row r="1619" spans="1:19">
      <c r="A1619" s="6">
        <v>1620</v>
      </c>
      <c r="B1619" s="6">
        <v>104414</v>
      </c>
      <c r="C1619" s="6">
        <v>106867</v>
      </c>
      <c r="D1619" s="6">
        <f t="shared" si="50"/>
        <v>-2453</v>
      </c>
      <c r="E1619" s="7">
        <f t="shared" si="51"/>
        <v>-2.3493018177639016E-2</v>
      </c>
      <c r="H1619" s="8"/>
      <c r="S1619" s="8"/>
    </row>
    <row r="1620" spans="1:19">
      <c r="A1620" s="6">
        <v>1621</v>
      </c>
      <c r="B1620" s="6">
        <v>104180</v>
      </c>
      <c r="C1620" s="6">
        <v>106446</v>
      </c>
      <c r="D1620" s="6">
        <f t="shared" si="50"/>
        <v>-2266</v>
      </c>
      <c r="E1620" s="7">
        <f t="shared" si="51"/>
        <v>-2.1750815895565368E-2</v>
      </c>
      <c r="H1620" s="8"/>
      <c r="S1620" s="8"/>
    </row>
    <row r="1621" spans="1:19">
      <c r="A1621" s="6">
        <v>1622</v>
      </c>
      <c r="B1621" s="6">
        <v>103963</v>
      </c>
      <c r="C1621" s="6">
        <v>106943</v>
      </c>
      <c r="D1621" s="6">
        <f t="shared" si="50"/>
        <v>-2980</v>
      </c>
      <c r="E1621" s="7">
        <f t="shared" si="51"/>
        <v>-2.8664043938708965E-2</v>
      </c>
      <c r="H1621" s="8"/>
      <c r="S1621" s="8"/>
    </row>
    <row r="1622" spans="1:19">
      <c r="A1622" s="6">
        <v>1623</v>
      </c>
      <c r="B1622" s="6">
        <v>103961</v>
      </c>
      <c r="C1622" s="6">
        <v>107067</v>
      </c>
      <c r="D1622" s="6">
        <f t="shared" si="50"/>
        <v>-3106</v>
      </c>
      <c r="E1622" s="7">
        <f t="shared" si="51"/>
        <v>-2.9876588336010618E-2</v>
      </c>
      <c r="H1622" s="8"/>
      <c r="S1622" s="8"/>
    </row>
    <row r="1623" spans="1:19">
      <c r="A1623" s="6">
        <v>1624</v>
      </c>
      <c r="B1623" s="6">
        <v>104011</v>
      </c>
      <c r="C1623" s="6">
        <v>108635</v>
      </c>
      <c r="D1623" s="6">
        <f t="shared" si="50"/>
        <v>-4624</v>
      </c>
      <c r="E1623" s="7">
        <f t="shared" si="51"/>
        <v>-4.4456836296160984E-2</v>
      </c>
      <c r="H1623" s="8"/>
      <c r="S1623" s="8"/>
    </row>
    <row r="1624" spans="1:19">
      <c r="A1624" s="6">
        <v>1625</v>
      </c>
      <c r="B1624" s="6">
        <v>103538</v>
      </c>
      <c r="C1624" s="6">
        <v>108130</v>
      </c>
      <c r="D1624" s="6">
        <f t="shared" si="50"/>
        <v>-4592</v>
      </c>
      <c r="E1624" s="7">
        <f t="shared" si="51"/>
        <v>-4.4350866348586995E-2</v>
      </c>
      <c r="H1624" s="8"/>
      <c r="S1624" s="8"/>
    </row>
    <row r="1625" spans="1:19">
      <c r="A1625" s="6">
        <v>1626</v>
      </c>
      <c r="B1625" s="6">
        <v>103547</v>
      </c>
      <c r="C1625" s="6">
        <v>108187</v>
      </c>
      <c r="D1625" s="6">
        <f t="shared" si="50"/>
        <v>-4640</v>
      </c>
      <c r="E1625" s="7">
        <f t="shared" si="51"/>
        <v>-4.4810569113542642E-2</v>
      </c>
      <c r="H1625" s="8"/>
      <c r="S1625" s="8"/>
    </row>
    <row r="1626" spans="1:19">
      <c r="A1626" s="6">
        <v>1627</v>
      </c>
      <c r="B1626" s="6">
        <v>103589</v>
      </c>
      <c r="C1626" s="6">
        <v>108119</v>
      </c>
      <c r="D1626" s="6">
        <f t="shared" si="50"/>
        <v>-4530</v>
      </c>
      <c r="E1626" s="7">
        <f t="shared" si="51"/>
        <v>-4.3730511926942051E-2</v>
      </c>
      <c r="H1626" s="8"/>
      <c r="S1626" s="8"/>
    </row>
    <row r="1627" spans="1:19">
      <c r="A1627" s="6">
        <v>1628</v>
      </c>
      <c r="B1627" s="6">
        <v>104038</v>
      </c>
      <c r="C1627" s="6">
        <v>107734</v>
      </c>
      <c r="D1627" s="6">
        <f t="shared" si="50"/>
        <v>-3696</v>
      </c>
      <c r="E1627" s="7">
        <f t="shared" si="51"/>
        <v>-3.5525481074222882E-2</v>
      </c>
      <c r="H1627" s="8"/>
      <c r="S1627" s="8"/>
    </row>
    <row r="1628" spans="1:19">
      <c r="A1628" s="6">
        <v>1629</v>
      </c>
      <c r="B1628" s="6">
        <v>103604</v>
      </c>
      <c r="C1628" s="6">
        <v>107294</v>
      </c>
      <c r="D1628" s="6">
        <f t="shared" si="50"/>
        <v>-3690</v>
      </c>
      <c r="E1628" s="7">
        <f t="shared" si="51"/>
        <v>-3.561638546774256E-2</v>
      </c>
      <c r="H1628" s="8"/>
      <c r="S1628" s="8"/>
    </row>
    <row r="1629" spans="1:19">
      <c r="A1629" s="6">
        <v>1630</v>
      </c>
      <c r="B1629" s="6">
        <v>103550</v>
      </c>
      <c r="C1629" s="6">
        <v>107723</v>
      </c>
      <c r="D1629" s="6">
        <f t="shared" si="50"/>
        <v>-4173</v>
      </c>
      <c r="E1629" s="7">
        <f t="shared" si="51"/>
        <v>-4.029937228392081E-2</v>
      </c>
      <c r="H1629" s="8"/>
      <c r="S1629" s="8"/>
    </row>
    <row r="1630" spans="1:19">
      <c r="A1630" s="6">
        <v>1631</v>
      </c>
      <c r="B1630" s="6">
        <v>103540</v>
      </c>
      <c r="C1630" s="6">
        <v>107897</v>
      </c>
      <c r="D1630" s="6">
        <f t="shared" si="50"/>
        <v>-4357</v>
      </c>
      <c r="E1630" s="7">
        <f t="shared" si="51"/>
        <v>-4.2080355418195867E-2</v>
      </c>
      <c r="H1630" s="8"/>
      <c r="S1630" s="8"/>
    </row>
    <row r="1631" spans="1:19">
      <c r="A1631" s="6">
        <v>1632</v>
      </c>
      <c r="B1631" s="6">
        <v>105216</v>
      </c>
      <c r="C1631" s="6">
        <v>109389</v>
      </c>
      <c r="D1631" s="6">
        <f t="shared" si="50"/>
        <v>-4173</v>
      </c>
      <c r="E1631" s="7">
        <f t="shared" si="51"/>
        <v>-3.9661268248175181E-2</v>
      </c>
      <c r="H1631" s="8"/>
      <c r="S1631" s="8"/>
    </row>
    <row r="1632" spans="1:19">
      <c r="A1632" s="6">
        <v>1633</v>
      </c>
      <c r="B1632" s="6">
        <v>104790</v>
      </c>
      <c r="C1632" s="6">
        <v>108983</v>
      </c>
      <c r="D1632" s="6">
        <f t="shared" si="50"/>
        <v>-4193</v>
      </c>
      <c r="E1632" s="7">
        <f t="shared" si="51"/>
        <v>-4.0013360053440215E-2</v>
      </c>
      <c r="H1632" s="8"/>
      <c r="S1632" s="8"/>
    </row>
    <row r="1633" spans="1:19">
      <c r="A1633" s="6">
        <v>1634</v>
      </c>
      <c r="B1633" s="6">
        <v>105495</v>
      </c>
      <c r="C1633" s="6">
        <v>108953</v>
      </c>
      <c r="D1633" s="6">
        <f t="shared" si="50"/>
        <v>-3458</v>
      </c>
      <c r="E1633" s="7">
        <f t="shared" si="51"/>
        <v>-3.2778804682686381E-2</v>
      </c>
      <c r="H1633" s="8"/>
      <c r="S1633" s="8"/>
    </row>
    <row r="1634" spans="1:19">
      <c r="A1634" s="6">
        <v>1635</v>
      </c>
      <c r="B1634" s="6">
        <v>105022</v>
      </c>
      <c r="C1634" s="6">
        <v>109011</v>
      </c>
      <c r="D1634" s="6">
        <f t="shared" si="50"/>
        <v>-3989</v>
      </c>
      <c r="E1634" s="7">
        <f t="shared" si="51"/>
        <v>-3.7982517948620287E-2</v>
      </c>
      <c r="H1634" s="8"/>
      <c r="S1634" s="8"/>
    </row>
    <row r="1635" spans="1:19">
      <c r="A1635" s="6">
        <v>1636</v>
      </c>
      <c r="B1635" s="6">
        <v>104387</v>
      </c>
      <c r="C1635" s="6">
        <v>108554</v>
      </c>
      <c r="D1635" s="6">
        <f t="shared" si="50"/>
        <v>-4167</v>
      </c>
      <c r="E1635" s="7">
        <f t="shared" si="51"/>
        <v>-3.9918763830745205E-2</v>
      </c>
      <c r="H1635" s="8"/>
      <c r="S1635" s="8"/>
    </row>
    <row r="1636" spans="1:19">
      <c r="A1636" s="6">
        <v>1637</v>
      </c>
      <c r="B1636" s="6">
        <v>104018</v>
      </c>
      <c r="C1636" s="6">
        <v>108204</v>
      </c>
      <c r="D1636" s="6">
        <f t="shared" si="50"/>
        <v>-4186</v>
      </c>
      <c r="E1636" s="7">
        <f t="shared" si="51"/>
        <v>-4.0243034859351268E-2</v>
      </c>
      <c r="H1636" s="8"/>
      <c r="S1636" s="8"/>
    </row>
    <row r="1637" spans="1:19">
      <c r="A1637" s="6">
        <v>1638</v>
      </c>
      <c r="B1637" s="6">
        <v>104382</v>
      </c>
      <c r="C1637" s="6">
        <v>108552</v>
      </c>
      <c r="D1637" s="6">
        <f t="shared" si="50"/>
        <v>-4170</v>
      </c>
      <c r="E1637" s="7">
        <f t="shared" si="51"/>
        <v>-3.9949416566074612E-2</v>
      </c>
      <c r="H1637" s="8"/>
      <c r="S1637" s="8"/>
    </row>
    <row r="1638" spans="1:19">
      <c r="A1638" s="6">
        <v>1639</v>
      </c>
      <c r="B1638" s="6">
        <v>104394</v>
      </c>
      <c r="C1638" s="6">
        <v>108591</v>
      </c>
      <c r="D1638" s="6">
        <f t="shared" si="50"/>
        <v>-4197</v>
      </c>
      <c r="E1638" s="7">
        <f t="shared" si="51"/>
        <v>-4.0203459968963733E-2</v>
      </c>
      <c r="H1638" s="8"/>
      <c r="S1638" s="8"/>
    </row>
    <row r="1639" spans="1:19">
      <c r="A1639" s="6">
        <v>1640</v>
      </c>
      <c r="B1639" s="6">
        <v>104390</v>
      </c>
      <c r="C1639" s="6">
        <v>110269</v>
      </c>
      <c r="D1639" s="6">
        <f t="shared" si="50"/>
        <v>-5879</v>
      </c>
      <c r="E1639" s="7">
        <f t="shared" si="51"/>
        <v>-5.6317654947791937E-2</v>
      </c>
      <c r="H1639" s="8"/>
      <c r="S1639" s="8"/>
    </row>
    <row r="1640" spans="1:19">
      <c r="A1640" s="6">
        <v>1641</v>
      </c>
      <c r="B1640" s="6">
        <v>103948</v>
      </c>
      <c r="C1640" s="6">
        <v>109834</v>
      </c>
      <c r="D1640" s="6">
        <f t="shared" si="50"/>
        <v>-5886</v>
      </c>
      <c r="E1640" s="7">
        <f t="shared" si="51"/>
        <v>-5.6624466079193442E-2</v>
      </c>
      <c r="H1640" s="8"/>
      <c r="S1640" s="8"/>
    </row>
    <row r="1641" spans="1:19">
      <c r="A1641" s="6">
        <v>1642</v>
      </c>
      <c r="B1641" s="6">
        <v>104008</v>
      </c>
      <c r="C1641" s="6">
        <v>109884</v>
      </c>
      <c r="D1641" s="6">
        <f t="shared" si="50"/>
        <v>-5876</v>
      </c>
      <c r="E1641" s="7">
        <f t="shared" si="51"/>
        <v>-5.6495654180447656E-2</v>
      </c>
      <c r="H1641" s="8"/>
      <c r="S1641" s="8"/>
    </row>
    <row r="1642" spans="1:19">
      <c r="A1642" s="6">
        <v>1643</v>
      </c>
      <c r="B1642" s="6">
        <v>104018</v>
      </c>
      <c r="C1642" s="6">
        <v>109791</v>
      </c>
      <c r="D1642" s="6">
        <f t="shared" si="50"/>
        <v>-5773</v>
      </c>
      <c r="E1642" s="7">
        <f t="shared" si="51"/>
        <v>-5.5500009613720702E-2</v>
      </c>
      <c r="H1642" s="8"/>
      <c r="S1642" s="8"/>
    </row>
    <row r="1643" spans="1:19">
      <c r="A1643" s="6">
        <v>1644</v>
      </c>
      <c r="B1643" s="6">
        <v>103981</v>
      </c>
      <c r="C1643" s="6">
        <v>109594</v>
      </c>
      <c r="D1643" s="6">
        <f t="shared" si="50"/>
        <v>-5613</v>
      </c>
      <c r="E1643" s="7">
        <f t="shared" si="51"/>
        <v>-5.3981015762495074E-2</v>
      </c>
      <c r="H1643" s="8"/>
      <c r="S1643" s="8"/>
    </row>
    <row r="1644" spans="1:19">
      <c r="A1644" s="6">
        <v>1645</v>
      </c>
      <c r="B1644" s="6">
        <v>103564</v>
      </c>
      <c r="C1644" s="6">
        <v>108962</v>
      </c>
      <c r="D1644" s="6">
        <f t="shared" si="50"/>
        <v>-5398</v>
      </c>
      <c r="E1644" s="7">
        <f t="shared" si="51"/>
        <v>-5.2122359120930051E-2</v>
      </c>
      <c r="H1644" s="8"/>
      <c r="S1644" s="8"/>
    </row>
    <row r="1645" spans="1:19">
      <c r="A1645" s="6">
        <v>1646</v>
      </c>
      <c r="B1645" s="6">
        <v>103732</v>
      </c>
      <c r="C1645" s="6">
        <v>109394</v>
      </c>
      <c r="D1645" s="6">
        <f t="shared" si="50"/>
        <v>-5662</v>
      </c>
      <c r="E1645" s="7">
        <f t="shared" si="51"/>
        <v>-5.4582963791308371E-2</v>
      </c>
      <c r="H1645" s="8"/>
      <c r="S1645" s="8"/>
    </row>
    <row r="1646" spans="1:19">
      <c r="A1646" s="6">
        <v>1647</v>
      </c>
      <c r="B1646" s="6">
        <v>103569</v>
      </c>
      <c r="C1646" s="6">
        <v>109387</v>
      </c>
      <c r="D1646" s="6">
        <f t="shared" si="50"/>
        <v>-5818</v>
      </c>
      <c r="E1646" s="7">
        <f t="shared" si="51"/>
        <v>-5.6175110312931473E-2</v>
      </c>
      <c r="H1646" s="8"/>
      <c r="S1646" s="8"/>
    </row>
    <row r="1647" spans="1:19">
      <c r="A1647" s="6">
        <v>1648</v>
      </c>
      <c r="B1647" s="6">
        <v>104817</v>
      </c>
      <c r="C1647" s="6">
        <v>111123</v>
      </c>
      <c r="D1647" s="6">
        <f t="shared" si="50"/>
        <v>-6306</v>
      </c>
      <c r="E1647" s="7">
        <f t="shared" si="51"/>
        <v>-6.0161996622685253E-2</v>
      </c>
      <c r="H1647" s="8"/>
      <c r="S1647" s="8"/>
    </row>
    <row r="1648" spans="1:19">
      <c r="A1648" s="6">
        <v>1649</v>
      </c>
      <c r="B1648" s="6">
        <v>104394</v>
      </c>
      <c r="C1648" s="6">
        <v>110800</v>
      </c>
      <c r="D1648" s="6">
        <f t="shared" si="50"/>
        <v>-6406</v>
      </c>
      <c r="E1648" s="7">
        <f t="shared" si="51"/>
        <v>-6.1363679904975384E-2</v>
      </c>
      <c r="H1648" s="8"/>
      <c r="S1648" s="8"/>
    </row>
    <row r="1649" spans="1:19">
      <c r="A1649" s="6">
        <v>1650</v>
      </c>
      <c r="B1649" s="6">
        <v>104371</v>
      </c>
      <c r="C1649" s="6">
        <v>110612</v>
      </c>
      <c r="D1649" s="6">
        <f t="shared" si="50"/>
        <v>-6241</v>
      </c>
      <c r="E1649" s="7">
        <f t="shared" si="51"/>
        <v>-5.9796303570915289E-2</v>
      </c>
      <c r="H1649" s="8"/>
      <c r="S1649" s="8"/>
    </row>
    <row r="1650" spans="1:19">
      <c r="A1650" s="6">
        <v>1651</v>
      </c>
      <c r="B1650" s="6">
        <v>104397</v>
      </c>
      <c r="C1650" s="6">
        <v>110641</v>
      </c>
      <c r="D1650" s="6">
        <f t="shared" si="50"/>
        <v>-6244</v>
      </c>
      <c r="E1650" s="7">
        <f t="shared" si="51"/>
        <v>-5.9810147801182025E-2</v>
      </c>
      <c r="H1650" s="8"/>
      <c r="S1650" s="8"/>
    </row>
    <row r="1651" spans="1:19">
      <c r="A1651" s="6">
        <v>1652</v>
      </c>
      <c r="B1651" s="6">
        <v>104356</v>
      </c>
      <c r="C1651" s="6">
        <v>110271</v>
      </c>
      <c r="D1651" s="6">
        <f t="shared" si="50"/>
        <v>-5915</v>
      </c>
      <c r="E1651" s="7">
        <f t="shared" si="51"/>
        <v>-5.6680976656828551E-2</v>
      </c>
      <c r="H1651" s="8"/>
      <c r="S1651" s="8"/>
    </row>
    <row r="1652" spans="1:19">
      <c r="A1652" s="6">
        <v>1653</v>
      </c>
      <c r="B1652" s="6">
        <v>103979</v>
      </c>
      <c r="C1652" s="6">
        <v>109783</v>
      </c>
      <c r="D1652" s="6">
        <f t="shared" si="50"/>
        <v>-5804</v>
      </c>
      <c r="E1652" s="7">
        <f t="shared" si="51"/>
        <v>-5.5818963444541687E-2</v>
      </c>
      <c r="H1652" s="8"/>
      <c r="S1652" s="8"/>
    </row>
    <row r="1653" spans="1:19">
      <c r="A1653" s="6">
        <v>1654</v>
      </c>
      <c r="B1653" s="6">
        <v>103951</v>
      </c>
      <c r="C1653" s="6">
        <v>110205</v>
      </c>
      <c r="D1653" s="6">
        <f t="shared" si="50"/>
        <v>-6254</v>
      </c>
      <c r="E1653" s="7">
        <f t="shared" si="51"/>
        <v>-6.0162961395272774E-2</v>
      </c>
      <c r="H1653" s="8"/>
      <c r="S1653" s="8"/>
    </row>
    <row r="1654" spans="1:19">
      <c r="A1654" s="6">
        <v>1655</v>
      </c>
      <c r="B1654" s="6">
        <v>103960</v>
      </c>
      <c r="C1654" s="6">
        <v>110228</v>
      </c>
      <c r="D1654" s="6">
        <f t="shared" si="50"/>
        <v>-6268</v>
      </c>
      <c r="E1654" s="7">
        <f t="shared" si="51"/>
        <v>-6.0292420161600614E-2</v>
      </c>
      <c r="H1654" s="8"/>
      <c r="S1654" s="8"/>
    </row>
    <row r="1655" spans="1:19">
      <c r="A1655" s="6">
        <v>1656</v>
      </c>
      <c r="B1655" s="6">
        <v>104367</v>
      </c>
      <c r="C1655" s="6">
        <v>111956</v>
      </c>
      <c r="D1655" s="6">
        <f t="shared" si="50"/>
        <v>-7589</v>
      </c>
      <c r="E1655" s="7">
        <f t="shared" si="51"/>
        <v>-7.2714555367117961E-2</v>
      </c>
      <c r="H1655" s="8"/>
      <c r="S1655" s="8"/>
    </row>
    <row r="1656" spans="1:19">
      <c r="A1656" s="6">
        <v>1657</v>
      </c>
      <c r="B1656" s="6">
        <v>103953</v>
      </c>
      <c r="C1656" s="6">
        <v>111477</v>
      </c>
      <c r="D1656" s="6">
        <f t="shared" si="50"/>
        <v>-7524</v>
      </c>
      <c r="E1656" s="7">
        <f t="shared" si="51"/>
        <v>-7.2378863524862197E-2</v>
      </c>
      <c r="H1656" s="8"/>
      <c r="S1656" s="8"/>
    </row>
    <row r="1657" spans="1:19">
      <c r="A1657" s="6">
        <v>1658</v>
      </c>
      <c r="B1657" s="6">
        <v>103987</v>
      </c>
      <c r="C1657" s="6">
        <v>111476</v>
      </c>
      <c r="D1657" s="6">
        <f t="shared" si="50"/>
        <v>-7489</v>
      </c>
      <c r="E1657" s="7">
        <f t="shared" si="51"/>
        <v>-7.2018617711829366E-2</v>
      </c>
      <c r="H1657" s="8"/>
      <c r="S1657" s="8"/>
    </row>
    <row r="1658" spans="1:19">
      <c r="A1658" s="6">
        <v>1659</v>
      </c>
      <c r="B1658" s="6">
        <v>103969</v>
      </c>
      <c r="C1658" s="6">
        <v>111531</v>
      </c>
      <c r="D1658" s="6">
        <f t="shared" si="50"/>
        <v>-7562</v>
      </c>
      <c r="E1658" s="7">
        <f t="shared" si="51"/>
        <v>-7.2733218555530971E-2</v>
      </c>
      <c r="H1658" s="8"/>
      <c r="S1658" s="8"/>
    </row>
    <row r="1659" spans="1:19">
      <c r="A1659" s="6">
        <v>1660</v>
      </c>
      <c r="B1659" s="6">
        <v>103987</v>
      </c>
      <c r="C1659" s="6">
        <v>111055</v>
      </c>
      <c r="D1659" s="6">
        <f t="shared" si="50"/>
        <v>-7068</v>
      </c>
      <c r="E1659" s="7">
        <f t="shared" si="51"/>
        <v>-6.7970034715877953E-2</v>
      </c>
      <c r="H1659" s="8"/>
      <c r="S1659" s="8"/>
    </row>
    <row r="1660" spans="1:19">
      <c r="A1660" s="6">
        <v>1661</v>
      </c>
      <c r="B1660" s="6">
        <v>103976</v>
      </c>
      <c r="C1660" s="6">
        <v>110651</v>
      </c>
      <c r="D1660" s="6">
        <f t="shared" si="50"/>
        <v>-6675</v>
      </c>
      <c r="E1660" s="7">
        <f t="shared" si="51"/>
        <v>-6.4197507117027E-2</v>
      </c>
      <c r="H1660" s="8"/>
      <c r="S1660" s="8"/>
    </row>
    <row r="1661" spans="1:19">
      <c r="A1661" s="6">
        <v>1662</v>
      </c>
      <c r="B1661" s="6">
        <v>103964</v>
      </c>
      <c r="C1661" s="6">
        <v>111043</v>
      </c>
      <c r="D1661" s="6">
        <f t="shared" si="50"/>
        <v>-7079</v>
      </c>
      <c r="E1661" s="7">
        <f t="shared" si="51"/>
        <v>-6.8090877611480902E-2</v>
      </c>
      <c r="H1661" s="8"/>
      <c r="S1661" s="8"/>
    </row>
    <row r="1662" spans="1:19">
      <c r="A1662" s="6">
        <v>1663</v>
      </c>
      <c r="B1662" s="6">
        <v>104031</v>
      </c>
      <c r="C1662" s="6">
        <v>111045</v>
      </c>
      <c r="D1662" s="6">
        <f t="shared" si="50"/>
        <v>-7014</v>
      </c>
      <c r="E1662" s="7">
        <f t="shared" si="51"/>
        <v>-6.7422210687199002E-2</v>
      </c>
      <c r="H1662" s="8"/>
      <c r="S1662" s="8"/>
    </row>
    <row r="1663" spans="1:19">
      <c r="A1663" s="6">
        <v>1664</v>
      </c>
      <c r="B1663" s="6">
        <v>97495</v>
      </c>
      <c r="C1663" s="6">
        <v>97854</v>
      </c>
      <c r="D1663" s="6">
        <f t="shared" si="50"/>
        <v>-359</v>
      </c>
      <c r="E1663" s="7">
        <f t="shared" si="51"/>
        <v>-3.6822401148776862E-3</v>
      </c>
      <c r="H1663" s="8"/>
      <c r="S1663" s="8"/>
    </row>
    <row r="1664" spans="1:19">
      <c r="A1664" s="6">
        <v>1665</v>
      </c>
      <c r="B1664" s="6">
        <v>108556</v>
      </c>
      <c r="C1664" s="6">
        <v>106886</v>
      </c>
      <c r="D1664" s="6">
        <f t="shared" si="50"/>
        <v>1670</v>
      </c>
      <c r="E1664" s="7">
        <f t="shared" si="51"/>
        <v>1.5383765061350824E-2</v>
      </c>
      <c r="H1664" s="8"/>
      <c r="S1664" s="8"/>
    </row>
    <row r="1665" spans="1:19">
      <c r="A1665" s="6">
        <v>1666</v>
      </c>
      <c r="B1665" s="6">
        <v>108583</v>
      </c>
      <c r="C1665" s="6">
        <v>106860</v>
      </c>
      <c r="D1665" s="6">
        <f t="shared" si="50"/>
        <v>1723</v>
      </c>
      <c r="E1665" s="7">
        <f t="shared" si="51"/>
        <v>1.5868045642503891E-2</v>
      </c>
      <c r="H1665" s="8"/>
      <c r="S1665" s="8"/>
    </row>
    <row r="1666" spans="1:19">
      <c r="A1666" s="6">
        <v>1667</v>
      </c>
      <c r="B1666" s="6">
        <v>108538</v>
      </c>
      <c r="C1666" s="6">
        <v>106885</v>
      </c>
      <c r="D1666" s="6">
        <f t="shared" si="50"/>
        <v>1653</v>
      </c>
      <c r="E1666" s="7">
        <f t="shared" si="51"/>
        <v>1.5229689141130296E-2</v>
      </c>
      <c r="H1666" s="8"/>
      <c r="S1666" s="8"/>
    </row>
    <row r="1667" spans="1:19">
      <c r="A1667" s="6">
        <v>1668</v>
      </c>
      <c r="B1667" s="6">
        <v>108126</v>
      </c>
      <c r="C1667" s="6">
        <v>106673</v>
      </c>
      <c r="D1667" s="6">
        <f t="shared" si="50"/>
        <v>1453</v>
      </c>
      <c r="E1667" s="7">
        <f t="shared" si="51"/>
        <v>1.3438026006695893E-2</v>
      </c>
      <c r="H1667" s="8"/>
      <c r="S1667" s="8"/>
    </row>
    <row r="1668" spans="1:19">
      <c r="A1668" s="6">
        <v>1669</v>
      </c>
      <c r="B1668" s="6">
        <v>107692</v>
      </c>
      <c r="C1668" s="6">
        <v>106088</v>
      </c>
      <c r="D1668" s="6">
        <f t="shared" ref="D1668:D1731" si="52">B1668-C1668</f>
        <v>1604</v>
      </c>
      <c r="E1668" s="7">
        <f t="shared" ref="E1668:E1731" si="53">D1668/B1668</f>
        <v>1.4894328269509342E-2</v>
      </c>
      <c r="H1668" s="8"/>
      <c r="S1668" s="8"/>
    </row>
    <row r="1669" spans="1:19">
      <c r="A1669" s="6">
        <v>1670</v>
      </c>
      <c r="B1669" s="6">
        <v>108128</v>
      </c>
      <c r="C1669" s="6">
        <v>106463</v>
      </c>
      <c r="D1669" s="6">
        <f t="shared" si="52"/>
        <v>1665</v>
      </c>
      <c r="E1669" s="7">
        <f t="shared" si="53"/>
        <v>1.5398416691328796E-2</v>
      </c>
      <c r="H1669" s="8"/>
      <c r="S1669" s="8"/>
    </row>
    <row r="1670" spans="1:19">
      <c r="A1670" s="6">
        <v>1671</v>
      </c>
      <c r="B1670" s="6">
        <v>115819</v>
      </c>
      <c r="C1670" s="6">
        <v>106444</v>
      </c>
      <c r="D1670" s="6">
        <f t="shared" si="52"/>
        <v>9375</v>
      </c>
      <c r="E1670" s="7">
        <f t="shared" si="53"/>
        <v>8.0945268047556959E-2</v>
      </c>
      <c r="H1670" s="8"/>
      <c r="S1670" s="8"/>
    </row>
    <row r="1671" spans="1:19">
      <c r="A1671" s="6">
        <v>1672</v>
      </c>
      <c r="B1671" s="6">
        <v>108617</v>
      </c>
      <c r="C1671" s="6">
        <v>108225</v>
      </c>
      <c r="D1671" s="6">
        <f t="shared" si="52"/>
        <v>392</v>
      </c>
      <c r="E1671" s="7">
        <f t="shared" si="53"/>
        <v>3.6090114807074401E-3</v>
      </c>
      <c r="H1671" s="8"/>
      <c r="S1671" s="8"/>
    </row>
    <row r="1672" spans="1:19">
      <c r="A1672" s="6">
        <v>1673</v>
      </c>
      <c r="B1672" s="6">
        <v>107742</v>
      </c>
      <c r="C1672" s="6">
        <v>107700</v>
      </c>
      <c r="D1672" s="6">
        <f t="shared" si="52"/>
        <v>42</v>
      </c>
      <c r="E1672" s="7">
        <f t="shared" si="53"/>
        <v>3.8982012585621204E-4</v>
      </c>
      <c r="H1672" s="8"/>
      <c r="S1672" s="8"/>
    </row>
    <row r="1673" spans="1:19">
      <c r="A1673" s="6">
        <v>1674</v>
      </c>
      <c r="B1673" s="6">
        <v>107742</v>
      </c>
      <c r="C1673" s="6">
        <v>107763</v>
      </c>
      <c r="D1673" s="6">
        <f t="shared" si="52"/>
        <v>-21</v>
      </c>
      <c r="E1673" s="7">
        <f t="shared" si="53"/>
        <v>-1.9491006292810602E-4</v>
      </c>
      <c r="H1673" s="8"/>
      <c r="S1673" s="8"/>
    </row>
    <row r="1674" spans="1:19">
      <c r="A1674" s="6">
        <v>1675</v>
      </c>
      <c r="B1674" s="6">
        <v>108185</v>
      </c>
      <c r="C1674" s="6">
        <v>107720</v>
      </c>
      <c r="D1674" s="6">
        <f t="shared" si="52"/>
        <v>465</v>
      </c>
      <c r="E1674" s="7">
        <f t="shared" si="53"/>
        <v>4.2981929102925542E-3</v>
      </c>
      <c r="H1674" s="8"/>
      <c r="S1674" s="8"/>
    </row>
    <row r="1675" spans="1:19">
      <c r="A1675" s="6">
        <v>1676</v>
      </c>
      <c r="B1675" s="6">
        <v>107753</v>
      </c>
      <c r="C1675" s="6">
        <v>107354</v>
      </c>
      <c r="D1675" s="6">
        <f t="shared" si="52"/>
        <v>399</v>
      </c>
      <c r="E1675" s="7">
        <f t="shared" si="53"/>
        <v>3.7029131439495883E-3</v>
      </c>
      <c r="H1675" s="8"/>
      <c r="S1675" s="8"/>
    </row>
    <row r="1676" spans="1:19">
      <c r="A1676" s="6">
        <v>1677</v>
      </c>
      <c r="B1676" s="6">
        <v>107302</v>
      </c>
      <c r="C1676" s="6">
        <v>106939</v>
      </c>
      <c r="D1676" s="6">
        <f t="shared" si="52"/>
        <v>363</v>
      </c>
      <c r="E1676" s="7">
        <f t="shared" si="53"/>
        <v>3.3829751542375727E-3</v>
      </c>
      <c r="H1676" s="8"/>
      <c r="S1676" s="8"/>
    </row>
    <row r="1677" spans="1:19">
      <c r="A1677" s="6">
        <v>1678</v>
      </c>
      <c r="B1677" s="6">
        <v>107304</v>
      </c>
      <c r="C1677" s="6">
        <v>107318</v>
      </c>
      <c r="D1677" s="6">
        <f t="shared" si="52"/>
        <v>-14</v>
      </c>
      <c r="E1677" s="7">
        <f t="shared" si="53"/>
        <v>-1.3047043912622084E-4</v>
      </c>
      <c r="H1677" s="8"/>
      <c r="S1677" s="8"/>
    </row>
    <row r="1678" spans="1:19">
      <c r="A1678" s="6">
        <v>1679</v>
      </c>
      <c r="B1678" s="6">
        <v>108444</v>
      </c>
      <c r="C1678" s="6">
        <v>107351</v>
      </c>
      <c r="D1678" s="6">
        <f t="shared" si="52"/>
        <v>1093</v>
      </c>
      <c r="E1678" s="7">
        <f t="shared" si="53"/>
        <v>1.0078934749732581E-2</v>
      </c>
      <c r="H1678" s="8"/>
      <c r="S1678" s="8"/>
    </row>
    <row r="1679" spans="1:19">
      <c r="A1679" s="6">
        <v>1680</v>
      </c>
      <c r="B1679" s="6">
        <v>108136</v>
      </c>
      <c r="C1679" s="6">
        <v>111053</v>
      </c>
      <c r="D1679" s="6">
        <f t="shared" si="52"/>
        <v>-2917</v>
      </c>
      <c r="E1679" s="7">
        <f t="shared" si="53"/>
        <v>-2.6975290375083227E-2</v>
      </c>
      <c r="H1679" s="8"/>
      <c r="S1679" s="8"/>
    </row>
    <row r="1680" spans="1:19">
      <c r="A1680" s="6">
        <v>1681</v>
      </c>
      <c r="B1680" s="6">
        <v>108023</v>
      </c>
      <c r="C1680" s="6">
        <v>110709</v>
      </c>
      <c r="D1680" s="6">
        <f t="shared" si="52"/>
        <v>-2686</v>
      </c>
      <c r="E1680" s="7">
        <f t="shared" si="53"/>
        <v>-2.4865075030317617E-2</v>
      </c>
      <c r="H1680" s="8"/>
      <c r="S1680" s="8"/>
    </row>
    <row r="1681" spans="1:19">
      <c r="A1681" s="6">
        <v>1682</v>
      </c>
      <c r="B1681" s="6">
        <v>107749</v>
      </c>
      <c r="C1681" s="6">
        <v>110683</v>
      </c>
      <c r="D1681" s="6">
        <f t="shared" si="52"/>
        <v>-2934</v>
      </c>
      <c r="E1681" s="7">
        <f t="shared" si="53"/>
        <v>-2.722995109003332E-2</v>
      </c>
      <c r="H1681" s="8"/>
      <c r="S1681" s="8"/>
    </row>
    <row r="1682" spans="1:19">
      <c r="A1682" s="6">
        <v>1683</v>
      </c>
      <c r="B1682" s="6">
        <v>107699</v>
      </c>
      <c r="C1682" s="6">
        <v>110678</v>
      </c>
      <c r="D1682" s="6">
        <f t="shared" si="52"/>
        <v>-2979</v>
      </c>
      <c r="E1682" s="7">
        <f t="shared" si="53"/>
        <v>-2.7660423959368238E-2</v>
      </c>
      <c r="H1682" s="8"/>
      <c r="S1682" s="8"/>
    </row>
    <row r="1683" spans="1:19">
      <c r="A1683" s="6">
        <v>1684</v>
      </c>
      <c r="B1683" s="6">
        <v>107719</v>
      </c>
      <c r="C1683" s="6">
        <v>110197</v>
      </c>
      <c r="D1683" s="6">
        <f t="shared" si="52"/>
        <v>-2478</v>
      </c>
      <c r="E1683" s="7">
        <f t="shared" si="53"/>
        <v>-2.3004298220369666E-2</v>
      </c>
      <c r="H1683" s="8"/>
      <c r="S1683" s="8"/>
    </row>
    <row r="1684" spans="1:19">
      <c r="A1684" s="6">
        <v>1685</v>
      </c>
      <c r="B1684" s="6">
        <v>107296</v>
      </c>
      <c r="C1684" s="6">
        <v>109830</v>
      </c>
      <c r="D1684" s="6">
        <f t="shared" si="52"/>
        <v>-2534</v>
      </c>
      <c r="E1684" s="7">
        <f t="shared" si="53"/>
        <v>-2.3616910229645093E-2</v>
      </c>
      <c r="H1684" s="8"/>
      <c r="S1684" s="8"/>
    </row>
    <row r="1685" spans="1:19">
      <c r="A1685" s="6">
        <v>1686</v>
      </c>
      <c r="B1685" s="6">
        <v>107364</v>
      </c>
      <c r="C1685" s="6">
        <v>110209</v>
      </c>
      <c r="D1685" s="6">
        <f t="shared" si="52"/>
        <v>-2845</v>
      </c>
      <c r="E1685" s="7">
        <f t="shared" si="53"/>
        <v>-2.6498640140084198E-2</v>
      </c>
      <c r="H1685" s="8"/>
      <c r="S1685" s="8"/>
    </row>
    <row r="1686" spans="1:19">
      <c r="A1686" s="6">
        <v>1687</v>
      </c>
      <c r="B1686" s="6">
        <v>107357</v>
      </c>
      <c r="C1686" s="6">
        <v>110225</v>
      </c>
      <c r="D1686" s="6">
        <f t="shared" si="52"/>
        <v>-2868</v>
      </c>
      <c r="E1686" s="7">
        <f t="shared" si="53"/>
        <v>-2.6714606406661887E-2</v>
      </c>
      <c r="H1686" s="8"/>
      <c r="S1686" s="8"/>
    </row>
    <row r="1687" spans="1:19">
      <c r="A1687" s="6">
        <v>1688</v>
      </c>
      <c r="B1687" s="6">
        <v>108328</v>
      </c>
      <c r="C1687" s="6">
        <v>111887</v>
      </c>
      <c r="D1687" s="6">
        <f t="shared" si="52"/>
        <v>-3559</v>
      </c>
      <c r="E1687" s="7">
        <f t="shared" si="53"/>
        <v>-3.2853925116313416E-2</v>
      </c>
      <c r="H1687" s="8"/>
      <c r="S1687" s="8"/>
    </row>
    <row r="1688" spans="1:19">
      <c r="A1688" s="6">
        <v>1689</v>
      </c>
      <c r="B1688" s="6">
        <v>106894</v>
      </c>
      <c r="C1688" s="6">
        <v>111479</v>
      </c>
      <c r="D1688" s="6">
        <f t="shared" si="52"/>
        <v>-4585</v>
      </c>
      <c r="E1688" s="7">
        <f t="shared" si="53"/>
        <v>-4.2892959380320693E-2</v>
      </c>
      <c r="H1688" s="8"/>
      <c r="S1688" s="8"/>
    </row>
    <row r="1689" spans="1:19">
      <c r="A1689" s="6">
        <v>1690</v>
      </c>
      <c r="B1689" s="6">
        <v>106862</v>
      </c>
      <c r="C1689" s="6">
        <v>111477</v>
      </c>
      <c r="D1689" s="6">
        <f t="shared" si="52"/>
        <v>-4615</v>
      </c>
      <c r="E1689" s="7">
        <f t="shared" si="53"/>
        <v>-4.3186539649267282E-2</v>
      </c>
      <c r="H1689" s="8"/>
      <c r="S1689" s="8"/>
    </row>
    <row r="1690" spans="1:19">
      <c r="A1690" s="6">
        <v>1691</v>
      </c>
      <c r="B1690" s="6">
        <v>107436</v>
      </c>
      <c r="C1690" s="6">
        <v>111523</v>
      </c>
      <c r="D1690" s="6">
        <f t="shared" si="52"/>
        <v>-4087</v>
      </c>
      <c r="E1690" s="7">
        <f t="shared" si="53"/>
        <v>-3.8041252466584755E-2</v>
      </c>
      <c r="H1690" s="8"/>
      <c r="S1690" s="8"/>
    </row>
    <row r="1691" spans="1:19">
      <c r="A1691" s="6">
        <v>1692</v>
      </c>
      <c r="B1691" s="6">
        <v>107351</v>
      </c>
      <c r="C1691" s="6">
        <v>111053</v>
      </c>
      <c r="D1691" s="6">
        <f t="shared" si="52"/>
        <v>-3702</v>
      </c>
      <c r="E1691" s="7">
        <f t="shared" si="53"/>
        <v>-3.4485007126156257E-2</v>
      </c>
      <c r="H1691" s="8"/>
      <c r="S1691" s="8"/>
    </row>
    <row r="1692" spans="1:19">
      <c r="A1692" s="6">
        <v>1693</v>
      </c>
      <c r="B1692" s="6">
        <v>106880</v>
      </c>
      <c r="C1692" s="6">
        <v>110822</v>
      </c>
      <c r="D1692" s="6">
        <f t="shared" si="52"/>
        <v>-3942</v>
      </c>
      <c r="E1692" s="7">
        <f t="shared" si="53"/>
        <v>-3.6882485029940119E-2</v>
      </c>
      <c r="H1692" s="8"/>
      <c r="S1692" s="8"/>
    </row>
    <row r="1693" spans="1:19">
      <c r="A1693" s="6">
        <v>1694</v>
      </c>
      <c r="B1693" s="6">
        <v>106859</v>
      </c>
      <c r="C1693" s="6">
        <v>111051</v>
      </c>
      <c r="D1693" s="6">
        <f t="shared" si="52"/>
        <v>-4192</v>
      </c>
      <c r="E1693" s="7">
        <f t="shared" si="53"/>
        <v>-3.9229264732030061E-2</v>
      </c>
      <c r="H1693" s="8"/>
      <c r="S1693" s="8"/>
    </row>
    <row r="1694" spans="1:19">
      <c r="A1694" s="6">
        <v>1695</v>
      </c>
      <c r="B1694" s="6">
        <v>106941</v>
      </c>
      <c r="C1694" s="6">
        <v>111350</v>
      </c>
      <c r="D1694" s="6">
        <f t="shared" si="52"/>
        <v>-4409</v>
      </c>
      <c r="E1694" s="7">
        <f t="shared" si="53"/>
        <v>-4.1228340860848506E-2</v>
      </c>
      <c r="H1694" s="8"/>
      <c r="S1694" s="8"/>
    </row>
    <row r="1695" spans="1:19">
      <c r="A1695" s="6">
        <v>1696</v>
      </c>
      <c r="B1695" s="6">
        <v>108614</v>
      </c>
      <c r="C1695" s="6">
        <v>112796</v>
      </c>
      <c r="D1695" s="6">
        <f t="shared" si="52"/>
        <v>-4182</v>
      </c>
      <c r="E1695" s="7">
        <f t="shared" si="53"/>
        <v>-3.8503323696761009E-2</v>
      </c>
      <c r="H1695" s="8"/>
      <c r="S1695" s="8"/>
    </row>
    <row r="1696" spans="1:19">
      <c r="A1696" s="6">
        <v>1697</v>
      </c>
      <c r="B1696" s="6">
        <v>108152</v>
      </c>
      <c r="C1696" s="6">
        <v>112289</v>
      </c>
      <c r="D1696" s="6">
        <f t="shared" si="52"/>
        <v>-4137</v>
      </c>
      <c r="E1696" s="7">
        <f t="shared" si="53"/>
        <v>-3.8251719801760488E-2</v>
      </c>
      <c r="H1696" s="8"/>
      <c r="S1696" s="8"/>
    </row>
    <row r="1697" spans="1:19">
      <c r="A1697" s="6">
        <v>1698</v>
      </c>
      <c r="B1697" s="6">
        <v>108118</v>
      </c>
      <c r="C1697" s="6">
        <v>112307</v>
      </c>
      <c r="D1697" s="6">
        <f t="shared" si="52"/>
        <v>-4189</v>
      </c>
      <c r="E1697" s="7">
        <f t="shared" si="53"/>
        <v>-3.8744704859505354E-2</v>
      </c>
      <c r="H1697" s="8"/>
      <c r="S1697" s="8"/>
    </row>
    <row r="1698" spans="1:19">
      <c r="A1698" s="6">
        <v>1699</v>
      </c>
      <c r="B1698" s="6">
        <v>108129</v>
      </c>
      <c r="C1698" s="6">
        <v>112321</v>
      </c>
      <c r="D1698" s="6">
        <f t="shared" si="52"/>
        <v>-4192</v>
      </c>
      <c r="E1698" s="7">
        <f t="shared" si="53"/>
        <v>-3.8768507985831736E-2</v>
      </c>
      <c r="H1698" s="8"/>
      <c r="S1698" s="8"/>
    </row>
    <row r="1699" spans="1:19">
      <c r="A1699" s="6">
        <v>1700</v>
      </c>
      <c r="B1699" s="6">
        <v>107786</v>
      </c>
      <c r="C1699" s="6">
        <v>111893</v>
      </c>
      <c r="D1699" s="6">
        <f t="shared" si="52"/>
        <v>-4107</v>
      </c>
      <c r="E1699" s="7">
        <f t="shared" si="53"/>
        <v>-3.810327871894309E-2</v>
      </c>
      <c r="H1699" s="8"/>
      <c r="S1699" s="8"/>
    </row>
    <row r="1700" spans="1:19">
      <c r="A1700" s="6">
        <v>1701</v>
      </c>
      <c r="B1700" s="6">
        <v>107302</v>
      </c>
      <c r="C1700" s="6">
        <v>111466</v>
      </c>
      <c r="D1700" s="6">
        <f t="shared" si="52"/>
        <v>-4164</v>
      </c>
      <c r="E1700" s="7">
        <f t="shared" si="53"/>
        <v>-3.8806359620510336E-2</v>
      </c>
      <c r="H1700" s="8"/>
      <c r="S1700" s="8"/>
    </row>
    <row r="1701" spans="1:19">
      <c r="A1701" s="6">
        <v>1702</v>
      </c>
      <c r="B1701" s="6">
        <v>107770</v>
      </c>
      <c r="C1701" s="6">
        <v>111935</v>
      </c>
      <c r="D1701" s="6">
        <f t="shared" si="52"/>
        <v>-4165</v>
      </c>
      <c r="E1701" s="7">
        <f t="shared" si="53"/>
        <v>-3.8647118864247938E-2</v>
      </c>
      <c r="H1701" s="8"/>
      <c r="S1701" s="8"/>
    </row>
    <row r="1702" spans="1:19">
      <c r="A1702" s="6">
        <v>1703</v>
      </c>
      <c r="B1702" s="6">
        <v>107735</v>
      </c>
      <c r="C1702" s="6">
        <v>111889</v>
      </c>
      <c r="D1702" s="6">
        <f t="shared" si="52"/>
        <v>-4154</v>
      </c>
      <c r="E1702" s="7">
        <f t="shared" si="53"/>
        <v>-3.855757181974289E-2</v>
      </c>
      <c r="H1702" s="8"/>
      <c r="S1702" s="8"/>
    </row>
    <row r="1703" spans="1:19">
      <c r="A1703" s="6">
        <v>1704</v>
      </c>
      <c r="B1703" s="6">
        <v>107733</v>
      </c>
      <c r="C1703" s="6">
        <v>113640</v>
      </c>
      <c r="D1703" s="6">
        <f t="shared" si="52"/>
        <v>-5907</v>
      </c>
      <c r="E1703" s="7">
        <f t="shared" si="53"/>
        <v>-5.4829996379939294E-2</v>
      </c>
      <c r="H1703" s="8"/>
      <c r="S1703" s="8"/>
    </row>
    <row r="1704" spans="1:19">
      <c r="A1704" s="6">
        <v>1705</v>
      </c>
      <c r="B1704" s="6">
        <v>107523</v>
      </c>
      <c r="C1704" s="6">
        <v>113146</v>
      </c>
      <c r="D1704" s="6">
        <f t="shared" si="52"/>
        <v>-5623</v>
      </c>
      <c r="E1704" s="7">
        <f t="shared" si="53"/>
        <v>-5.2295787877942396E-2</v>
      </c>
      <c r="H1704" s="8"/>
      <c r="S1704" s="8"/>
    </row>
    <row r="1705" spans="1:19">
      <c r="A1705" s="6">
        <v>1706</v>
      </c>
      <c r="B1705" s="6">
        <v>107306</v>
      </c>
      <c r="C1705" s="6">
        <v>113438</v>
      </c>
      <c r="D1705" s="6">
        <f t="shared" si="52"/>
        <v>-6132</v>
      </c>
      <c r="E1705" s="7">
        <f t="shared" si="53"/>
        <v>-5.7144987232773566E-2</v>
      </c>
      <c r="H1705" s="8"/>
      <c r="S1705" s="8"/>
    </row>
    <row r="1706" spans="1:19">
      <c r="A1706" s="6">
        <v>1707</v>
      </c>
      <c r="B1706" s="6">
        <v>107293</v>
      </c>
      <c r="C1706" s="6">
        <v>113126</v>
      </c>
      <c r="D1706" s="6">
        <f t="shared" si="52"/>
        <v>-5833</v>
      </c>
      <c r="E1706" s="7">
        <f t="shared" si="53"/>
        <v>-5.4365149636975384E-2</v>
      </c>
      <c r="H1706" s="8"/>
      <c r="S1706" s="8"/>
    </row>
    <row r="1707" spans="1:19">
      <c r="A1707" s="6">
        <v>1708</v>
      </c>
      <c r="B1707" s="6">
        <v>107302</v>
      </c>
      <c r="C1707" s="6">
        <v>112712</v>
      </c>
      <c r="D1707" s="6">
        <f t="shared" si="52"/>
        <v>-5410</v>
      </c>
      <c r="E1707" s="7">
        <f t="shared" si="53"/>
        <v>-5.0418445136157758E-2</v>
      </c>
      <c r="H1707" s="8"/>
      <c r="S1707" s="8"/>
    </row>
    <row r="1708" spans="1:19">
      <c r="A1708" s="6">
        <v>1709</v>
      </c>
      <c r="B1708" s="6">
        <v>107079</v>
      </c>
      <c r="C1708" s="6">
        <v>112526</v>
      </c>
      <c r="D1708" s="6">
        <f t="shared" si="52"/>
        <v>-5447</v>
      </c>
      <c r="E1708" s="7">
        <f t="shared" si="53"/>
        <v>-5.0868984581477227E-2</v>
      </c>
      <c r="H1708" s="8"/>
      <c r="S1708" s="8"/>
    </row>
    <row r="1709" spans="1:19">
      <c r="A1709" s="6">
        <v>1710</v>
      </c>
      <c r="B1709" s="6">
        <v>106865</v>
      </c>
      <c r="C1709" s="6">
        <v>112738</v>
      </c>
      <c r="D1709" s="6">
        <f t="shared" si="52"/>
        <v>-5873</v>
      </c>
      <c r="E1709" s="7">
        <f t="shared" si="53"/>
        <v>-5.4957188976746361E-2</v>
      </c>
      <c r="H1709" s="8"/>
      <c r="S1709" s="8"/>
    </row>
    <row r="1710" spans="1:19">
      <c r="A1710" s="6">
        <v>1711</v>
      </c>
      <c r="B1710" s="6">
        <v>106881</v>
      </c>
      <c r="C1710" s="6">
        <v>112705</v>
      </c>
      <c r="D1710" s="6">
        <f t="shared" si="52"/>
        <v>-5824</v>
      </c>
      <c r="E1710" s="7">
        <f t="shared" si="53"/>
        <v>-5.4490508135215804E-2</v>
      </c>
      <c r="H1710" s="8"/>
      <c r="S1710" s="8"/>
    </row>
    <row r="1711" spans="1:19">
      <c r="A1711" s="6">
        <v>1712</v>
      </c>
      <c r="B1711" s="6">
        <v>108134</v>
      </c>
      <c r="C1711" s="6">
        <v>114407</v>
      </c>
      <c r="D1711" s="6">
        <f t="shared" si="52"/>
        <v>-6273</v>
      </c>
      <c r="E1711" s="7">
        <f t="shared" si="53"/>
        <v>-5.80113562801709E-2</v>
      </c>
      <c r="H1711" s="8"/>
      <c r="S1711" s="8"/>
    </row>
    <row r="1712" spans="1:19">
      <c r="A1712" s="6">
        <v>1713</v>
      </c>
      <c r="B1712" s="6">
        <v>107709</v>
      </c>
      <c r="C1712" s="6">
        <v>113982</v>
      </c>
      <c r="D1712" s="6">
        <f t="shared" si="52"/>
        <v>-6273</v>
      </c>
      <c r="E1712" s="7">
        <f t="shared" si="53"/>
        <v>-5.8240258474222213E-2</v>
      </c>
      <c r="H1712" s="8"/>
      <c r="S1712" s="8"/>
    </row>
    <row r="1713" spans="1:19">
      <c r="A1713" s="6">
        <v>1714</v>
      </c>
      <c r="B1713" s="6">
        <v>107905</v>
      </c>
      <c r="C1713" s="6">
        <v>113977</v>
      </c>
      <c r="D1713" s="6">
        <f t="shared" si="52"/>
        <v>-6072</v>
      </c>
      <c r="E1713" s="7">
        <f t="shared" si="53"/>
        <v>-5.6271720494879753E-2</v>
      </c>
      <c r="H1713" s="8"/>
      <c r="S1713" s="8"/>
    </row>
    <row r="1714" spans="1:19">
      <c r="A1714" s="6">
        <v>1715</v>
      </c>
      <c r="B1714" s="6">
        <v>107757</v>
      </c>
      <c r="C1714" s="6">
        <v>113953</v>
      </c>
      <c r="D1714" s="6">
        <f t="shared" si="52"/>
        <v>-6196</v>
      </c>
      <c r="E1714" s="7">
        <f t="shared" si="53"/>
        <v>-5.7499744796161732E-2</v>
      </c>
      <c r="H1714" s="8"/>
      <c r="S1714" s="8"/>
    </row>
    <row r="1715" spans="1:19">
      <c r="A1715" s="6">
        <v>1716</v>
      </c>
      <c r="B1715" s="6">
        <v>107730</v>
      </c>
      <c r="C1715" s="6">
        <v>113547</v>
      </c>
      <c r="D1715" s="6">
        <f t="shared" si="52"/>
        <v>-5817</v>
      </c>
      <c r="E1715" s="7">
        <f t="shared" si="53"/>
        <v>-5.3996101364522417E-2</v>
      </c>
      <c r="H1715" s="8"/>
      <c r="S1715" s="8"/>
    </row>
    <row r="1716" spans="1:19">
      <c r="A1716" s="6">
        <v>1717</v>
      </c>
      <c r="B1716" s="6">
        <v>107306</v>
      </c>
      <c r="C1716" s="6">
        <v>113142</v>
      </c>
      <c r="D1716" s="6">
        <f t="shared" si="52"/>
        <v>-5836</v>
      </c>
      <c r="E1716" s="7">
        <f t="shared" si="53"/>
        <v>-5.4386520791008891E-2</v>
      </c>
      <c r="H1716" s="8"/>
      <c r="S1716" s="8"/>
    </row>
    <row r="1717" spans="1:19">
      <c r="A1717" s="6">
        <v>1718</v>
      </c>
      <c r="B1717" s="6">
        <v>107348</v>
      </c>
      <c r="C1717" s="6">
        <v>113583</v>
      </c>
      <c r="D1717" s="6">
        <f t="shared" si="52"/>
        <v>-6235</v>
      </c>
      <c r="E1717" s="7">
        <f t="shared" si="53"/>
        <v>-5.8082125423855123E-2</v>
      </c>
      <c r="H1717" s="8"/>
      <c r="S1717" s="8"/>
    </row>
    <row r="1718" spans="1:19">
      <c r="A1718" s="6">
        <v>1719</v>
      </c>
      <c r="B1718" s="6">
        <v>107310</v>
      </c>
      <c r="C1718" s="6">
        <v>113760</v>
      </c>
      <c r="D1718" s="6">
        <f t="shared" si="52"/>
        <v>-6450</v>
      </c>
      <c r="E1718" s="7">
        <f t="shared" si="53"/>
        <v>-6.0106234274531732E-2</v>
      </c>
      <c r="H1718" s="8"/>
      <c r="S1718" s="8"/>
    </row>
    <row r="1719" spans="1:19">
      <c r="A1719" s="6">
        <v>1720</v>
      </c>
      <c r="B1719" s="6">
        <v>107707</v>
      </c>
      <c r="C1719" s="6">
        <v>115220</v>
      </c>
      <c r="D1719" s="6">
        <f t="shared" si="52"/>
        <v>-7513</v>
      </c>
      <c r="E1719" s="7">
        <f t="shared" si="53"/>
        <v>-6.9754054982498814E-2</v>
      </c>
      <c r="H1719" s="8"/>
      <c r="S1719" s="8"/>
    </row>
    <row r="1720" spans="1:19">
      <c r="A1720" s="6">
        <v>1721</v>
      </c>
      <c r="B1720" s="6">
        <v>107295</v>
      </c>
      <c r="C1720" s="6">
        <v>114857</v>
      </c>
      <c r="D1720" s="6">
        <f t="shared" si="52"/>
        <v>-7562</v>
      </c>
      <c r="E1720" s="7">
        <f t="shared" si="53"/>
        <v>-7.0478587073022972E-2</v>
      </c>
      <c r="H1720" s="8"/>
      <c r="S1720" s="8"/>
    </row>
    <row r="1721" spans="1:19">
      <c r="A1721" s="6">
        <v>1722</v>
      </c>
      <c r="B1721" s="6">
        <v>107318</v>
      </c>
      <c r="C1721" s="6">
        <v>115615</v>
      </c>
      <c r="D1721" s="6">
        <f t="shared" si="52"/>
        <v>-8297</v>
      </c>
      <c r="E1721" s="7">
        <f t="shared" si="53"/>
        <v>-7.7312286848431763E-2</v>
      </c>
      <c r="H1721" s="8"/>
      <c r="S1721" s="8"/>
    </row>
    <row r="1722" spans="1:19">
      <c r="A1722" s="6">
        <v>1723</v>
      </c>
      <c r="B1722" s="6">
        <v>107497</v>
      </c>
      <c r="C1722" s="6">
        <v>114820</v>
      </c>
      <c r="D1722" s="6">
        <f t="shared" si="52"/>
        <v>-7323</v>
      </c>
      <c r="E1722" s="7">
        <f t="shared" si="53"/>
        <v>-6.8122831334827952E-2</v>
      </c>
      <c r="H1722" s="8"/>
      <c r="S1722" s="8"/>
    </row>
    <row r="1723" spans="1:19">
      <c r="A1723" s="6">
        <v>1724</v>
      </c>
      <c r="B1723" s="6">
        <v>107299</v>
      </c>
      <c r="C1723" s="6">
        <v>114389</v>
      </c>
      <c r="D1723" s="6">
        <f t="shared" si="52"/>
        <v>-7090</v>
      </c>
      <c r="E1723" s="7">
        <f t="shared" si="53"/>
        <v>-6.6077037064651109E-2</v>
      </c>
      <c r="H1723" s="8"/>
      <c r="S1723" s="8"/>
    </row>
    <row r="1724" spans="1:19">
      <c r="A1724" s="6">
        <v>1725</v>
      </c>
      <c r="B1724" s="6">
        <v>107291</v>
      </c>
      <c r="C1724" s="6">
        <v>113966</v>
      </c>
      <c r="D1724" s="6">
        <f t="shared" si="52"/>
        <v>-6675</v>
      </c>
      <c r="E1724" s="7">
        <f t="shared" si="53"/>
        <v>-6.2213978805305201E-2</v>
      </c>
      <c r="H1724" s="8"/>
      <c r="S1724" s="8"/>
    </row>
    <row r="1725" spans="1:19">
      <c r="A1725" s="6">
        <v>1726</v>
      </c>
      <c r="B1725" s="6">
        <v>107858</v>
      </c>
      <c r="C1725" s="6">
        <v>114381</v>
      </c>
      <c r="D1725" s="6">
        <f t="shared" si="52"/>
        <v>-6523</v>
      </c>
      <c r="E1725" s="7">
        <f t="shared" si="53"/>
        <v>-6.047766507815832E-2</v>
      </c>
      <c r="H1725" s="8"/>
      <c r="S1725" s="8"/>
    </row>
    <row r="1726" spans="1:19">
      <c r="A1726" s="6">
        <v>1727</v>
      </c>
      <c r="B1726" s="6">
        <v>108363</v>
      </c>
      <c r="C1726" s="6">
        <v>114379</v>
      </c>
      <c r="D1726" s="6">
        <f t="shared" si="52"/>
        <v>-6016</v>
      </c>
      <c r="E1726" s="7">
        <f t="shared" si="53"/>
        <v>-5.5517104546754889E-2</v>
      </c>
      <c r="H1726" s="8"/>
      <c r="S1726" s="8"/>
    </row>
    <row r="1727" spans="1:19">
      <c r="A1727" s="6">
        <v>1728</v>
      </c>
      <c r="B1727" s="6">
        <v>100628</v>
      </c>
      <c r="C1727" s="6">
        <v>100643</v>
      </c>
      <c r="D1727" s="6">
        <f t="shared" si="52"/>
        <v>-15</v>
      </c>
      <c r="E1727" s="7">
        <f t="shared" si="53"/>
        <v>-1.4906387884087928E-4</v>
      </c>
      <c r="H1727" s="8"/>
      <c r="S1727" s="8"/>
    </row>
    <row r="1728" spans="1:19">
      <c r="A1728" s="6">
        <v>1729</v>
      </c>
      <c r="B1728" s="6">
        <v>111921</v>
      </c>
      <c r="C1728" s="6">
        <v>110387</v>
      </c>
      <c r="D1728" s="6">
        <f t="shared" si="52"/>
        <v>1534</v>
      </c>
      <c r="E1728" s="7">
        <f t="shared" si="53"/>
        <v>1.3706096264329304E-2</v>
      </c>
      <c r="H1728" s="8"/>
      <c r="S1728" s="8"/>
    </row>
    <row r="1729" spans="1:19">
      <c r="A1729" s="6">
        <v>1730</v>
      </c>
      <c r="B1729" s="6">
        <v>111886</v>
      </c>
      <c r="C1729" s="6">
        <v>110191</v>
      </c>
      <c r="D1729" s="6">
        <f t="shared" si="52"/>
        <v>1695</v>
      </c>
      <c r="E1729" s="7">
        <f t="shared" si="53"/>
        <v>1.514934844395188E-2</v>
      </c>
      <c r="H1729" s="8"/>
      <c r="S1729" s="8"/>
    </row>
    <row r="1730" spans="1:19">
      <c r="A1730" s="6">
        <v>1731</v>
      </c>
      <c r="B1730" s="6">
        <v>111925</v>
      </c>
      <c r="C1730" s="6">
        <v>110236</v>
      </c>
      <c r="D1730" s="6">
        <f t="shared" si="52"/>
        <v>1689</v>
      </c>
      <c r="E1730" s="7">
        <f t="shared" si="53"/>
        <v>1.5090462363189635E-2</v>
      </c>
      <c r="H1730" s="8"/>
      <c r="S1730" s="8"/>
    </row>
    <row r="1731" spans="1:19">
      <c r="A1731" s="6">
        <v>1732</v>
      </c>
      <c r="B1731" s="6">
        <v>111469</v>
      </c>
      <c r="C1731" s="6">
        <v>109824</v>
      </c>
      <c r="D1731" s="6">
        <f t="shared" si="52"/>
        <v>1645</v>
      </c>
      <c r="E1731" s="7">
        <f t="shared" si="53"/>
        <v>1.4757466201365402E-2</v>
      </c>
      <c r="H1731" s="8"/>
      <c r="S1731" s="8"/>
    </row>
    <row r="1732" spans="1:19">
      <c r="A1732" s="6">
        <v>1733</v>
      </c>
      <c r="B1732" s="6">
        <v>111102</v>
      </c>
      <c r="C1732" s="6">
        <v>109428</v>
      </c>
      <c r="D1732" s="6">
        <f t="shared" ref="D1732:D1795" si="54">B1732-C1732</f>
        <v>1674</v>
      </c>
      <c r="E1732" s="7">
        <f t="shared" ref="E1732:E1795" si="55">D1732/B1732</f>
        <v>1.5067235513312091E-2</v>
      </c>
      <c r="H1732" s="8"/>
      <c r="S1732" s="8"/>
    </row>
    <row r="1733" spans="1:19">
      <c r="A1733" s="6">
        <v>1734</v>
      </c>
      <c r="B1733" s="6">
        <v>111516</v>
      </c>
      <c r="C1733" s="6">
        <v>109787</v>
      </c>
      <c r="D1733" s="6">
        <f t="shared" si="54"/>
        <v>1729</v>
      </c>
      <c r="E1733" s="7">
        <f t="shared" si="55"/>
        <v>1.5504501596183507E-2</v>
      </c>
      <c r="H1733" s="8"/>
      <c r="S1733" s="8"/>
    </row>
    <row r="1734" spans="1:19">
      <c r="A1734" s="6">
        <v>1735</v>
      </c>
      <c r="B1734" s="6">
        <v>111480</v>
      </c>
      <c r="C1734" s="6">
        <v>109862</v>
      </c>
      <c r="D1734" s="6">
        <f t="shared" si="54"/>
        <v>1618</v>
      </c>
      <c r="E1734" s="7">
        <f t="shared" si="55"/>
        <v>1.4513814137064944E-2</v>
      </c>
      <c r="H1734" s="8"/>
      <c r="S1734" s="8"/>
    </row>
    <row r="1735" spans="1:19">
      <c r="A1735" s="6">
        <v>1736</v>
      </c>
      <c r="B1735" s="6">
        <v>111713</v>
      </c>
      <c r="C1735" s="6">
        <v>111502</v>
      </c>
      <c r="D1735" s="6">
        <f t="shared" si="54"/>
        <v>211</v>
      </c>
      <c r="E1735" s="7">
        <f t="shared" si="55"/>
        <v>1.8887685408144083E-3</v>
      </c>
      <c r="H1735" s="8"/>
      <c r="S1735" s="8"/>
    </row>
    <row r="1736" spans="1:19">
      <c r="A1736" s="6">
        <v>1737</v>
      </c>
      <c r="B1736" s="6">
        <v>111062</v>
      </c>
      <c r="C1736" s="6">
        <v>111045</v>
      </c>
      <c r="D1736" s="6">
        <f t="shared" si="54"/>
        <v>17</v>
      </c>
      <c r="E1736" s="7">
        <f t="shared" si="55"/>
        <v>1.5306765590390953E-4</v>
      </c>
      <c r="H1736" s="8"/>
      <c r="S1736" s="8"/>
    </row>
    <row r="1737" spans="1:19">
      <c r="A1737" s="6">
        <v>1738</v>
      </c>
      <c r="B1737" s="6">
        <v>111104</v>
      </c>
      <c r="C1737" s="6">
        <v>111090</v>
      </c>
      <c r="D1737" s="6">
        <f t="shared" si="54"/>
        <v>14</v>
      </c>
      <c r="E1737" s="7">
        <f t="shared" si="55"/>
        <v>1.2600806451612903E-4</v>
      </c>
      <c r="H1737" s="8"/>
      <c r="S1737" s="8"/>
    </row>
    <row r="1738" spans="1:19">
      <c r="A1738" s="6">
        <v>1739</v>
      </c>
      <c r="B1738" s="6">
        <v>111122</v>
      </c>
      <c r="C1738" s="6">
        <v>111037</v>
      </c>
      <c r="D1738" s="6">
        <f t="shared" si="54"/>
        <v>85</v>
      </c>
      <c r="E1738" s="7">
        <f t="shared" si="55"/>
        <v>7.6492503734634006E-4</v>
      </c>
      <c r="H1738" s="8"/>
      <c r="S1738" s="8"/>
    </row>
    <row r="1739" spans="1:19">
      <c r="A1739" s="6">
        <v>1740</v>
      </c>
      <c r="B1739" s="6">
        <v>111034</v>
      </c>
      <c r="C1739" s="6">
        <v>110837</v>
      </c>
      <c r="D1739" s="6">
        <f t="shared" si="54"/>
        <v>197</v>
      </c>
      <c r="E1739" s="7">
        <f t="shared" si="55"/>
        <v>1.7742313165336743E-3</v>
      </c>
      <c r="H1739" s="8"/>
      <c r="S1739" s="8"/>
    </row>
    <row r="1740" spans="1:19">
      <c r="A1740" s="6">
        <v>1741</v>
      </c>
      <c r="B1740" s="6">
        <v>110621</v>
      </c>
      <c r="C1740" s="6">
        <v>110192</v>
      </c>
      <c r="D1740" s="6">
        <f t="shared" si="54"/>
        <v>429</v>
      </c>
      <c r="E1740" s="7">
        <f t="shared" si="55"/>
        <v>3.8781063270084343E-3</v>
      </c>
      <c r="H1740" s="8"/>
      <c r="S1740" s="8"/>
    </row>
    <row r="1741" spans="1:19">
      <c r="A1741" s="6">
        <v>1742</v>
      </c>
      <c r="B1741" s="6">
        <v>110617</v>
      </c>
      <c r="C1741" s="6">
        <v>111140</v>
      </c>
      <c r="D1741" s="6">
        <f t="shared" si="54"/>
        <v>-523</v>
      </c>
      <c r="E1741" s="7">
        <f t="shared" si="55"/>
        <v>-4.7280255295298187E-3</v>
      </c>
      <c r="H1741" s="8"/>
      <c r="S1741" s="8"/>
    </row>
    <row r="1742" spans="1:19">
      <c r="A1742" s="6">
        <v>1743</v>
      </c>
      <c r="B1742" s="6">
        <v>110609</v>
      </c>
      <c r="C1742" s="6">
        <v>110605</v>
      </c>
      <c r="D1742" s="6">
        <f t="shared" si="54"/>
        <v>4</v>
      </c>
      <c r="E1742" s="7">
        <f t="shared" si="55"/>
        <v>3.6163422506305996E-5</v>
      </c>
      <c r="H1742" s="8"/>
      <c r="S1742" s="8"/>
    </row>
    <row r="1743" spans="1:19">
      <c r="A1743" s="6">
        <v>1744</v>
      </c>
      <c r="B1743" s="6">
        <v>111713</v>
      </c>
      <c r="C1743" s="6">
        <v>114425</v>
      </c>
      <c r="D1743" s="6">
        <f t="shared" si="54"/>
        <v>-2712</v>
      </c>
      <c r="E1743" s="7">
        <f t="shared" si="55"/>
        <v>-2.4276494230752017E-2</v>
      </c>
      <c r="H1743" s="8"/>
      <c r="S1743" s="8"/>
    </row>
    <row r="1744" spans="1:19">
      <c r="A1744" s="6">
        <v>1745</v>
      </c>
      <c r="B1744" s="6">
        <v>111039</v>
      </c>
      <c r="C1744" s="6">
        <v>113954</v>
      </c>
      <c r="D1744" s="6">
        <f t="shared" si="54"/>
        <v>-2915</v>
      </c>
      <c r="E1744" s="7">
        <f t="shared" si="55"/>
        <v>-2.6252037572384479E-2</v>
      </c>
      <c r="H1744" s="8"/>
      <c r="S1744" s="8"/>
    </row>
    <row r="1745" spans="1:19">
      <c r="A1745" s="6">
        <v>1746</v>
      </c>
      <c r="B1745" s="6">
        <v>111126</v>
      </c>
      <c r="C1745" s="6">
        <v>114007</v>
      </c>
      <c r="D1745" s="6">
        <f t="shared" si="54"/>
        <v>-2881</v>
      </c>
      <c r="E1745" s="7">
        <f t="shared" si="55"/>
        <v>-2.5925525979518745E-2</v>
      </c>
      <c r="H1745" s="8"/>
      <c r="S1745" s="8"/>
    </row>
    <row r="1746" spans="1:19">
      <c r="A1746" s="6">
        <v>1747</v>
      </c>
      <c r="B1746" s="6">
        <v>111107</v>
      </c>
      <c r="C1746" s="6">
        <v>113947</v>
      </c>
      <c r="D1746" s="6">
        <f t="shared" si="54"/>
        <v>-2840</v>
      </c>
      <c r="E1746" s="7">
        <f t="shared" si="55"/>
        <v>-2.5560945754992934E-2</v>
      </c>
      <c r="H1746" s="8"/>
      <c r="S1746" s="8"/>
    </row>
    <row r="1747" spans="1:19">
      <c r="A1747" s="6">
        <v>1748</v>
      </c>
      <c r="B1747" s="6">
        <v>111191</v>
      </c>
      <c r="C1747" s="6">
        <v>113585</v>
      </c>
      <c r="D1747" s="6">
        <f t="shared" si="54"/>
        <v>-2394</v>
      </c>
      <c r="E1747" s="7">
        <f t="shared" si="55"/>
        <v>-2.1530519556438921E-2</v>
      </c>
      <c r="H1747" s="8"/>
      <c r="S1747" s="8"/>
    </row>
    <row r="1748" spans="1:19">
      <c r="A1748" s="6">
        <v>1749</v>
      </c>
      <c r="B1748" s="6">
        <v>110820</v>
      </c>
      <c r="C1748" s="6">
        <v>113142</v>
      </c>
      <c r="D1748" s="6">
        <f t="shared" si="54"/>
        <v>-2322</v>
      </c>
      <c r="E1748" s="7">
        <f t="shared" si="55"/>
        <v>-2.0952896589063345E-2</v>
      </c>
      <c r="H1748" s="8"/>
      <c r="S1748" s="8"/>
    </row>
    <row r="1749" spans="1:19">
      <c r="A1749" s="6">
        <v>1750</v>
      </c>
      <c r="B1749" s="6">
        <v>110629</v>
      </c>
      <c r="C1749" s="6">
        <v>113559</v>
      </c>
      <c r="D1749" s="6">
        <f t="shared" si="54"/>
        <v>-2930</v>
      </c>
      <c r="E1749" s="7">
        <f t="shared" si="55"/>
        <v>-2.6484918059459996E-2</v>
      </c>
      <c r="H1749" s="8"/>
      <c r="S1749" s="8"/>
    </row>
    <row r="1750" spans="1:19">
      <c r="A1750" s="6">
        <v>1751</v>
      </c>
      <c r="B1750" s="6">
        <v>110641</v>
      </c>
      <c r="C1750" s="6">
        <v>113537</v>
      </c>
      <c r="D1750" s="6">
        <f t="shared" si="54"/>
        <v>-2896</v>
      </c>
      <c r="E1750" s="7">
        <f t="shared" si="55"/>
        <v>-2.6174745347565549E-2</v>
      </c>
      <c r="H1750" s="8"/>
      <c r="S1750" s="8"/>
    </row>
    <row r="1751" spans="1:19">
      <c r="A1751" s="6">
        <v>1752</v>
      </c>
      <c r="B1751" s="6">
        <v>110853</v>
      </c>
      <c r="C1751" s="6">
        <v>115222</v>
      </c>
      <c r="D1751" s="6">
        <f t="shared" si="54"/>
        <v>-4369</v>
      </c>
      <c r="E1751" s="7">
        <f t="shared" si="55"/>
        <v>-3.9412555366115487E-2</v>
      </c>
      <c r="H1751" s="8"/>
      <c r="S1751" s="8"/>
    </row>
    <row r="1752" spans="1:19">
      <c r="A1752" s="6">
        <v>1753</v>
      </c>
      <c r="B1752" s="6">
        <v>110209</v>
      </c>
      <c r="C1752" s="6">
        <v>114855</v>
      </c>
      <c r="D1752" s="6">
        <f t="shared" si="54"/>
        <v>-4646</v>
      </c>
      <c r="E1752" s="7">
        <f t="shared" si="55"/>
        <v>-4.2156266729577438E-2</v>
      </c>
      <c r="H1752" s="8"/>
      <c r="S1752" s="8"/>
    </row>
    <row r="1753" spans="1:19">
      <c r="A1753" s="6">
        <v>1754</v>
      </c>
      <c r="B1753" s="6">
        <v>110271</v>
      </c>
      <c r="C1753" s="6">
        <v>114782</v>
      </c>
      <c r="D1753" s="6">
        <f t="shared" si="54"/>
        <v>-4511</v>
      </c>
      <c r="E1753" s="7">
        <f t="shared" si="55"/>
        <v>-4.0908307714630318E-2</v>
      </c>
      <c r="H1753" s="8"/>
      <c r="S1753" s="8"/>
    </row>
    <row r="1754" spans="1:19">
      <c r="A1754" s="6">
        <v>1755</v>
      </c>
      <c r="B1754" s="6">
        <v>110235</v>
      </c>
      <c r="C1754" s="6">
        <v>114802</v>
      </c>
      <c r="D1754" s="6">
        <f t="shared" si="54"/>
        <v>-4567</v>
      </c>
      <c r="E1754" s="7">
        <f t="shared" si="55"/>
        <v>-4.1429672971379325E-2</v>
      </c>
      <c r="H1754" s="8"/>
      <c r="S1754" s="8"/>
    </row>
    <row r="1755" spans="1:19">
      <c r="A1755" s="6">
        <v>1756</v>
      </c>
      <c r="B1755" s="6">
        <v>110638</v>
      </c>
      <c r="C1755" s="6">
        <v>114621</v>
      </c>
      <c r="D1755" s="6">
        <f t="shared" si="54"/>
        <v>-3983</v>
      </c>
      <c r="E1755" s="7">
        <f t="shared" si="55"/>
        <v>-3.6000289231547931E-2</v>
      </c>
      <c r="H1755" s="8"/>
      <c r="S1755" s="8"/>
    </row>
    <row r="1756" spans="1:19">
      <c r="A1756" s="6">
        <v>1757</v>
      </c>
      <c r="B1756" s="6">
        <v>110270</v>
      </c>
      <c r="C1756" s="6">
        <v>113995</v>
      </c>
      <c r="D1756" s="6">
        <f t="shared" si="54"/>
        <v>-3725</v>
      </c>
      <c r="E1756" s="7">
        <f t="shared" si="55"/>
        <v>-3.3780720050784439E-2</v>
      </c>
      <c r="H1756" s="8"/>
      <c r="S1756" s="8"/>
    </row>
    <row r="1757" spans="1:19">
      <c r="A1757" s="6">
        <v>1758</v>
      </c>
      <c r="B1757" s="6">
        <v>110275</v>
      </c>
      <c r="C1757" s="6">
        <v>114373</v>
      </c>
      <c r="D1757" s="6">
        <f t="shared" si="54"/>
        <v>-4098</v>
      </c>
      <c r="E1757" s="7">
        <f t="shared" si="55"/>
        <v>-3.7161641351167535E-2</v>
      </c>
      <c r="H1757" s="8"/>
      <c r="S1757" s="8"/>
    </row>
    <row r="1758" spans="1:19">
      <c r="A1758" s="6">
        <v>1759</v>
      </c>
      <c r="B1758" s="6">
        <v>110202</v>
      </c>
      <c r="C1758" s="6">
        <v>114450</v>
      </c>
      <c r="D1758" s="6">
        <f t="shared" si="54"/>
        <v>-4248</v>
      </c>
      <c r="E1758" s="7">
        <f t="shared" si="55"/>
        <v>-3.8547394784123702E-2</v>
      </c>
      <c r="H1758" s="8"/>
      <c r="S1758" s="8"/>
    </row>
    <row r="1759" spans="1:19">
      <c r="A1759" s="6">
        <v>1760</v>
      </c>
      <c r="B1759" s="6">
        <v>111947</v>
      </c>
      <c r="C1759" s="6">
        <v>116123</v>
      </c>
      <c r="D1759" s="6">
        <f t="shared" si="54"/>
        <v>-4176</v>
      </c>
      <c r="E1759" s="7">
        <f t="shared" si="55"/>
        <v>-3.7303366771775932E-2</v>
      </c>
      <c r="H1759" s="8"/>
      <c r="S1759" s="8"/>
    </row>
    <row r="1760" spans="1:19">
      <c r="A1760" s="6">
        <v>1761</v>
      </c>
      <c r="B1760" s="6">
        <v>111488</v>
      </c>
      <c r="C1760" s="6">
        <v>115635</v>
      </c>
      <c r="D1760" s="6">
        <f t="shared" si="54"/>
        <v>-4147</v>
      </c>
      <c r="E1760" s="7">
        <f t="shared" si="55"/>
        <v>-3.7196828358208957E-2</v>
      </c>
      <c r="H1760" s="8"/>
      <c r="S1760" s="8"/>
    </row>
    <row r="1761" spans="1:19">
      <c r="A1761" s="6">
        <v>1762</v>
      </c>
      <c r="B1761" s="6">
        <v>111681</v>
      </c>
      <c r="C1761" s="6">
        <v>115653</v>
      </c>
      <c r="D1761" s="6">
        <f t="shared" si="54"/>
        <v>-3972</v>
      </c>
      <c r="E1761" s="7">
        <f t="shared" si="55"/>
        <v>-3.5565584119053376E-2</v>
      </c>
      <c r="H1761" s="8"/>
      <c r="S1761" s="8"/>
    </row>
    <row r="1762" spans="1:19">
      <c r="A1762" s="6">
        <v>1763</v>
      </c>
      <c r="B1762" s="6">
        <v>111431</v>
      </c>
      <c r="C1762" s="6">
        <v>115662</v>
      </c>
      <c r="D1762" s="6">
        <f t="shared" si="54"/>
        <v>-4231</v>
      </c>
      <c r="E1762" s="7">
        <f t="shared" si="55"/>
        <v>-3.796968527609014E-2</v>
      </c>
      <c r="H1762" s="8"/>
      <c r="S1762" s="8"/>
    </row>
    <row r="1763" spans="1:19">
      <c r="A1763" s="6">
        <v>1764</v>
      </c>
      <c r="B1763" s="6">
        <v>111042</v>
      </c>
      <c r="C1763" s="6">
        <v>115228</v>
      </c>
      <c r="D1763" s="6">
        <f t="shared" si="54"/>
        <v>-4186</v>
      </c>
      <c r="E1763" s="7">
        <f t="shared" si="55"/>
        <v>-3.7697447812539399E-2</v>
      </c>
      <c r="H1763" s="8"/>
      <c r="S1763" s="8"/>
    </row>
    <row r="1764" spans="1:19">
      <c r="A1764" s="6">
        <v>1765</v>
      </c>
      <c r="B1764" s="6">
        <v>110764</v>
      </c>
      <c r="C1764" s="6">
        <v>114779</v>
      </c>
      <c r="D1764" s="6">
        <f t="shared" si="54"/>
        <v>-4015</v>
      </c>
      <c r="E1764" s="7">
        <f t="shared" si="55"/>
        <v>-3.624823950019862E-2</v>
      </c>
      <c r="H1764" s="8"/>
      <c r="S1764" s="8"/>
    </row>
    <row r="1765" spans="1:19">
      <c r="A1765" s="6">
        <v>1766</v>
      </c>
      <c r="B1765" s="6">
        <v>111059</v>
      </c>
      <c r="C1765" s="6">
        <v>115214</v>
      </c>
      <c r="D1765" s="6">
        <f t="shared" si="54"/>
        <v>-4155</v>
      </c>
      <c r="E1765" s="7">
        <f t="shared" si="55"/>
        <v>-3.7412546484301139E-2</v>
      </c>
      <c r="H1765" s="8"/>
      <c r="S1765" s="8"/>
    </row>
    <row r="1766" spans="1:19">
      <c r="A1766" s="6">
        <v>1767</v>
      </c>
      <c r="B1766" s="6">
        <v>111031</v>
      </c>
      <c r="C1766" s="6">
        <v>115419</v>
      </c>
      <c r="D1766" s="6">
        <f t="shared" si="54"/>
        <v>-4388</v>
      </c>
      <c r="E1766" s="7">
        <f t="shared" si="55"/>
        <v>-3.9520494276373268E-2</v>
      </c>
      <c r="H1766" s="8"/>
      <c r="S1766" s="8"/>
    </row>
    <row r="1767" spans="1:19">
      <c r="A1767" s="6">
        <v>1768</v>
      </c>
      <c r="B1767" s="6">
        <v>111044</v>
      </c>
      <c r="C1767" s="6">
        <v>116940</v>
      </c>
      <c r="D1767" s="6">
        <f t="shared" si="54"/>
        <v>-5896</v>
      </c>
      <c r="E1767" s="7">
        <f t="shared" si="55"/>
        <v>-5.3096070026295884E-2</v>
      </c>
      <c r="H1767" s="8"/>
      <c r="S1767" s="8"/>
    </row>
    <row r="1768" spans="1:19">
      <c r="A1768" s="6">
        <v>1769</v>
      </c>
      <c r="B1768" s="6">
        <v>110645</v>
      </c>
      <c r="C1768" s="6">
        <v>117154</v>
      </c>
      <c r="D1768" s="6">
        <f t="shared" si="54"/>
        <v>-6509</v>
      </c>
      <c r="E1768" s="7">
        <f t="shared" si="55"/>
        <v>-5.882778254778797E-2</v>
      </c>
      <c r="H1768" s="8"/>
      <c r="S1768" s="8"/>
    </row>
    <row r="1769" spans="1:19">
      <c r="A1769" s="6">
        <v>1770</v>
      </c>
      <c r="B1769" s="6">
        <v>110662</v>
      </c>
      <c r="C1769" s="6">
        <v>116524</v>
      </c>
      <c r="D1769" s="6">
        <f t="shared" si="54"/>
        <v>-5862</v>
      </c>
      <c r="E1769" s="7">
        <f t="shared" si="55"/>
        <v>-5.2972113281885377E-2</v>
      </c>
      <c r="H1769" s="8"/>
      <c r="S1769" s="8"/>
    </row>
    <row r="1770" spans="1:19">
      <c r="A1770" s="6">
        <v>1771</v>
      </c>
      <c r="B1770" s="6">
        <v>110640</v>
      </c>
      <c r="C1770" s="6">
        <v>116515</v>
      </c>
      <c r="D1770" s="6">
        <f t="shared" si="54"/>
        <v>-5875</v>
      </c>
      <c r="E1770" s="7">
        <f t="shared" si="55"/>
        <v>-5.3100144613159796E-2</v>
      </c>
      <c r="H1770" s="8"/>
      <c r="S1770" s="8"/>
    </row>
    <row r="1771" spans="1:19">
      <c r="A1771" s="6">
        <v>1772</v>
      </c>
      <c r="B1771" s="6">
        <v>110633</v>
      </c>
      <c r="C1771" s="6">
        <v>116067</v>
      </c>
      <c r="D1771" s="6">
        <f t="shared" si="54"/>
        <v>-5434</v>
      </c>
      <c r="E1771" s="7">
        <f t="shared" si="55"/>
        <v>-4.911735196550758E-2</v>
      </c>
      <c r="H1771" s="8"/>
      <c r="S1771" s="8"/>
    </row>
    <row r="1772" spans="1:19">
      <c r="A1772" s="6">
        <v>1773</v>
      </c>
      <c r="B1772" s="6">
        <v>110285</v>
      </c>
      <c r="C1772" s="6">
        <v>115646</v>
      </c>
      <c r="D1772" s="6">
        <f t="shared" si="54"/>
        <v>-5361</v>
      </c>
      <c r="E1772" s="7">
        <f t="shared" si="55"/>
        <v>-4.8610418461259464E-2</v>
      </c>
      <c r="H1772" s="8"/>
      <c r="S1772" s="8"/>
    </row>
    <row r="1773" spans="1:19">
      <c r="A1773" s="6">
        <v>1774</v>
      </c>
      <c r="B1773" s="6">
        <v>110227</v>
      </c>
      <c r="C1773" s="6">
        <v>116073</v>
      </c>
      <c r="D1773" s="6">
        <f t="shared" si="54"/>
        <v>-5846</v>
      </c>
      <c r="E1773" s="7">
        <f t="shared" si="55"/>
        <v>-5.3036007511771163E-2</v>
      </c>
      <c r="H1773" s="8"/>
      <c r="S1773" s="8"/>
    </row>
    <row r="1774" spans="1:19">
      <c r="A1774" s="6">
        <v>1775</v>
      </c>
      <c r="B1774" s="6">
        <v>110257</v>
      </c>
      <c r="C1774" s="6">
        <v>116044</v>
      </c>
      <c r="D1774" s="6">
        <f t="shared" si="54"/>
        <v>-5787</v>
      </c>
      <c r="E1774" s="7">
        <f t="shared" si="55"/>
        <v>-5.2486463444497852E-2</v>
      </c>
      <c r="H1774" s="8"/>
      <c r="S1774" s="8"/>
    </row>
    <row r="1775" spans="1:19">
      <c r="A1775" s="6">
        <v>1776</v>
      </c>
      <c r="B1775" s="6">
        <v>111481</v>
      </c>
      <c r="C1775" s="6">
        <v>118932</v>
      </c>
      <c r="D1775" s="6">
        <f t="shared" si="54"/>
        <v>-7451</v>
      </c>
      <c r="E1775" s="7">
        <f t="shared" si="55"/>
        <v>-6.6836501287214856E-2</v>
      </c>
      <c r="H1775" s="8"/>
      <c r="S1775" s="8"/>
    </row>
    <row r="1776" spans="1:19">
      <c r="A1776" s="6">
        <v>1777</v>
      </c>
      <c r="B1776" s="6">
        <v>111124</v>
      </c>
      <c r="C1776" s="6">
        <v>117397</v>
      </c>
      <c r="D1776" s="6">
        <f t="shared" si="54"/>
        <v>-6273</v>
      </c>
      <c r="E1776" s="7">
        <f t="shared" si="55"/>
        <v>-5.6450451747597281E-2</v>
      </c>
      <c r="H1776" s="8"/>
      <c r="S1776" s="8"/>
    </row>
    <row r="1777" spans="1:19">
      <c r="A1777" s="6">
        <v>1778</v>
      </c>
      <c r="B1777" s="6">
        <v>111113</v>
      </c>
      <c r="C1777" s="6">
        <v>117314</v>
      </c>
      <c r="D1777" s="6">
        <f t="shared" si="54"/>
        <v>-6201</v>
      </c>
      <c r="E1777" s="7">
        <f t="shared" si="55"/>
        <v>-5.580805126312853E-2</v>
      </c>
      <c r="H1777" s="8"/>
      <c r="S1777" s="8"/>
    </row>
    <row r="1778" spans="1:19">
      <c r="A1778" s="6">
        <v>1779</v>
      </c>
      <c r="B1778" s="6">
        <v>111051</v>
      </c>
      <c r="C1778" s="6">
        <v>117361</v>
      </c>
      <c r="D1778" s="6">
        <f t="shared" si="54"/>
        <v>-6310</v>
      </c>
      <c r="E1778" s="7">
        <f t="shared" si="55"/>
        <v>-5.6820740020351007E-2</v>
      </c>
      <c r="H1778" s="8"/>
      <c r="S1778" s="8"/>
    </row>
    <row r="1779" spans="1:19">
      <c r="A1779" s="6">
        <v>1780</v>
      </c>
      <c r="B1779" s="6">
        <v>111065</v>
      </c>
      <c r="C1779" s="6">
        <v>116909</v>
      </c>
      <c r="D1779" s="6">
        <f t="shared" si="54"/>
        <v>-5844</v>
      </c>
      <c r="E1779" s="7">
        <f t="shared" si="55"/>
        <v>-5.2617836402106877E-2</v>
      </c>
      <c r="H1779" s="8"/>
      <c r="S1779" s="8"/>
    </row>
    <row r="1780" spans="1:19">
      <c r="A1780" s="6">
        <v>1781</v>
      </c>
      <c r="B1780" s="6">
        <v>111301</v>
      </c>
      <c r="C1780" s="6">
        <v>116535</v>
      </c>
      <c r="D1780" s="6">
        <f t="shared" si="54"/>
        <v>-5234</v>
      </c>
      <c r="E1780" s="7">
        <f t="shared" si="55"/>
        <v>-4.7025633192873381E-2</v>
      </c>
      <c r="H1780" s="8"/>
      <c r="S1780" s="8"/>
    </row>
    <row r="1781" spans="1:19">
      <c r="A1781" s="6">
        <v>1782</v>
      </c>
      <c r="B1781" s="6">
        <v>110761</v>
      </c>
      <c r="C1781" s="6">
        <v>116889</v>
      </c>
      <c r="D1781" s="6">
        <f t="shared" si="54"/>
        <v>-6128</v>
      </c>
      <c r="E1781" s="7">
        <f t="shared" si="55"/>
        <v>-5.5326333276153161E-2</v>
      </c>
      <c r="H1781" s="8"/>
      <c r="S1781" s="8"/>
    </row>
    <row r="1782" spans="1:19">
      <c r="A1782" s="6">
        <v>1783</v>
      </c>
      <c r="B1782" s="6">
        <v>110706</v>
      </c>
      <c r="C1782" s="6">
        <v>116921</v>
      </c>
      <c r="D1782" s="6">
        <f t="shared" si="54"/>
        <v>-6215</v>
      </c>
      <c r="E1782" s="7">
        <f t="shared" si="55"/>
        <v>-5.6139685292576735E-2</v>
      </c>
      <c r="H1782" s="8"/>
      <c r="S1782" s="8"/>
    </row>
    <row r="1783" spans="1:19">
      <c r="A1783" s="6">
        <v>1784</v>
      </c>
      <c r="B1783" s="6">
        <v>111283</v>
      </c>
      <c r="C1783" s="6">
        <v>118611</v>
      </c>
      <c r="D1783" s="6">
        <f t="shared" si="54"/>
        <v>-7328</v>
      </c>
      <c r="E1783" s="7">
        <f t="shared" si="55"/>
        <v>-6.5850129849123404E-2</v>
      </c>
      <c r="H1783" s="8"/>
      <c r="S1783" s="8"/>
    </row>
    <row r="1784" spans="1:19">
      <c r="A1784" s="6">
        <v>1785</v>
      </c>
      <c r="B1784" s="6">
        <v>110645</v>
      </c>
      <c r="C1784" s="6">
        <v>118239</v>
      </c>
      <c r="D1784" s="6">
        <f t="shared" si="54"/>
        <v>-7594</v>
      </c>
      <c r="E1784" s="7">
        <f t="shared" si="55"/>
        <v>-6.8633919291427536E-2</v>
      </c>
      <c r="H1784" s="8"/>
      <c r="S1784" s="8"/>
    </row>
    <row r="1785" spans="1:19">
      <c r="A1785" s="6">
        <v>1786</v>
      </c>
      <c r="B1785" s="6">
        <v>110610</v>
      </c>
      <c r="C1785" s="6">
        <v>118190</v>
      </c>
      <c r="D1785" s="6">
        <f t="shared" si="54"/>
        <v>-7580</v>
      </c>
      <c r="E1785" s="7">
        <f t="shared" si="55"/>
        <v>-6.8529066088057145E-2</v>
      </c>
      <c r="H1785" s="8"/>
      <c r="S1785" s="8"/>
    </row>
    <row r="1786" spans="1:19">
      <c r="A1786" s="6">
        <v>1787</v>
      </c>
      <c r="B1786" s="6">
        <v>110628</v>
      </c>
      <c r="C1786" s="6">
        <v>118206</v>
      </c>
      <c r="D1786" s="6">
        <f t="shared" si="54"/>
        <v>-7578</v>
      </c>
      <c r="E1786" s="7">
        <f t="shared" si="55"/>
        <v>-6.8499837292547994E-2</v>
      </c>
      <c r="H1786" s="8"/>
      <c r="S1786" s="8"/>
    </row>
    <row r="1787" spans="1:19">
      <c r="A1787" s="6">
        <v>1788</v>
      </c>
      <c r="B1787" s="6">
        <v>110636</v>
      </c>
      <c r="C1787" s="6">
        <v>117729</v>
      </c>
      <c r="D1787" s="6">
        <f t="shared" si="54"/>
        <v>-7093</v>
      </c>
      <c r="E1787" s="7">
        <f t="shared" si="55"/>
        <v>-6.4111139231353267E-2</v>
      </c>
      <c r="H1787" s="8"/>
      <c r="S1787" s="8"/>
    </row>
    <row r="1788" spans="1:19">
      <c r="A1788" s="6">
        <v>1789</v>
      </c>
      <c r="B1788" s="6">
        <v>110623</v>
      </c>
      <c r="C1788" s="6">
        <v>117961</v>
      </c>
      <c r="D1788" s="6">
        <f t="shared" si="54"/>
        <v>-7338</v>
      </c>
      <c r="E1788" s="7">
        <f t="shared" si="55"/>
        <v>-6.6333402637787808E-2</v>
      </c>
      <c r="H1788" s="8"/>
      <c r="S1788" s="8"/>
    </row>
    <row r="1789" spans="1:19">
      <c r="A1789" s="6">
        <v>1790</v>
      </c>
      <c r="B1789" s="6">
        <v>110628</v>
      </c>
      <c r="C1789" s="6">
        <v>117724</v>
      </c>
      <c r="D1789" s="6">
        <f t="shared" si="54"/>
        <v>-7096</v>
      </c>
      <c r="E1789" s="7">
        <f t="shared" si="55"/>
        <v>-6.4142893300068698E-2</v>
      </c>
      <c r="H1789" s="8"/>
      <c r="S1789" s="8"/>
    </row>
    <row r="1790" spans="1:19">
      <c r="A1790" s="6">
        <v>1791</v>
      </c>
      <c r="B1790" s="6">
        <v>110615</v>
      </c>
      <c r="C1790" s="6">
        <v>117938</v>
      </c>
      <c r="D1790" s="6">
        <f t="shared" si="54"/>
        <v>-7323</v>
      </c>
      <c r="E1790" s="7">
        <f t="shared" si="55"/>
        <v>-6.6202594584821223E-2</v>
      </c>
      <c r="H1790" s="8"/>
      <c r="S1790" s="8"/>
    </row>
    <row r="1791" spans="1:19">
      <c r="A1791" s="6">
        <v>1792</v>
      </c>
      <c r="B1791" s="6">
        <v>103956</v>
      </c>
      <c r="C1791" s="6">
        <v>104049</v>
      </c>
      <c r="D1791" s="6">
        <f t="shared" si="54"/>
        <v>-93</v>
      </c>
      <c r="E1791" s="7">
        <f t="shared" si="55"/>
        <v>-8.9460925776289966E-4</v>
      </c>
      <c r="H1791" s="8"/>
      <c r="S1791" s="8"/>
    </row>
    <row r="1792" spans="1:19">
      <c r="A1792" s="6">
        <v>1793</v>
      </c>
      <c r="B1792" s="6">
        <v>115259</v>
      </c>
      <c r="C1792" s="6">
        <v>113547</v>
      </c>
      <c r="D1792" s="6">
        <f t="shared" si="54"/>
        <v>1712</v>
      </c>
      <c r="E1792" s="7">
        <f t="shared" si="55"/>
        <v>1.4853503847855699E-2</v>
      </c>
      <c r="H1792" s="8"/>
      <c r="S1792" s="8"/>
    </row>
    <row r="1793" spans="1:19">
      <c r="A1793" s="6">
        <v>1794</v>
      </c>
      <c r="B1793" s="6">
        <v>115277</v>
      </c>
      <c r="C1793" s="6">
        <v>113553</v>
      </c>
      <c r="D1793" s="6">
        <f t="shared" si="54"/>
        <v>1724</v>
      </c>
      <c r="E1793" s="7">
        <f t="shared" si="55"/>
        <v>1.4955281625996512E-2</v>
      </c>
      <c r="H1793" s="8"/>
      <c r="S1793" s="8"/>
    </row>
    <row r="1794" spans="1:19">
      <c r="A1794" s="6">
        <v>1795</v>
      </c>
      <c r="B1794" s="6">
        <v>115216</v>
      </c>
      <c r="C1794" s="6">
        <v>113566</v>
      </c>
      <c r="D1794" s="6">
        <f t="shared" si="54"/>
        <v>1650</v>
      </c>
      <c r="E1794" s="7">
        <f t="shared" si="55"/>
        <v>1.4320927648937647E-2</v>
      </c>
      <c r="H1794" s="8"/>
      <c r="S1794" s="8"/>
    </row>
    <row r="1795" spans="1:19">
      <c r="A1795" s="6">
        <v>1796</v>
      </c>
      <c r="B1795" s="6">
        <v>114799</v>
      </c>
      <c r="C1795" s="6">
        <v>113147</v>
      </c>
      <c r="D1795" s="6">
        <f t="shared" si="54"/>
        <v>1652</v>
      </c>
      <c r="E1795" s="7">
        <f t="shared" si="55"/>
        <v>1.4390369254087579E-2</v>
      </c>
      <c r="H1795" s="8"/>
      <c r="S1795" s="8"/>
    </row>
    <row r="1796" spans="1:19">
      <c r="A1796" s="6">
        <v>1797</v>
      </c>
      <c r="B1796" s="6">
        <v>114369</v>
      </c>
      <c r="C1796" s="6">
        <v>112703</v>
      </c>
      <c r="D1796" s="6">
        <f t="shared" ref="D1796:D1859" si="56">B1796-C1796</f>
        <v>1666</v>
      </c>
      <c r="E1796" s="7">
        <f t="shared" ref="E1796:E1859" si="57">D1796/B1796</f>
        <v>1.4566884383005884E-2</v>
      </c>
      <c r="H1796" s="8"/>
      <c r="S1796" s="8"/>
    </row>
    <row r="1797" spans="1:19">
      <c r="A1797" s="6">
        <v>1798</v>
      </c>
      <c r="B1797" s="6">
        <v>115055</v>
      </c>
      <c r="C1797" s="6">
        <v>113146</v>
      </c>
      <c r="D1797" s="6">
        <f t="shared" si="56"/>
        <v>1909</v>
      </c>
      <c r="E1797" s="7">
        <f t="shared" si="57"/>
        <v>1.6592064664725566E-2</v>
      </c>
      <c r="H1797" s="8"/>
      <c r="S1797" s="8"/>
    </row>
    <row r="1798" spans="1:19">
      <c r="A1798" s="6">
        <v>1799</v>
      </c>
      <c r="B1798" s="6">
        <v>114794</v>
      </c>
      <c r="C1798" s="6">
        <v>113119</v>
      </c>
      <c r="D1798" s="6">
        <f t="shared" si="56"/>
        <v>1675</v>
      </c>
      <c r="E1798" s="7">
        <f t="shared" si="57"/>
        <v>1.4591354948864923E-2</v>
      </c>
      <c r="H1798" s="8"/>
      <c r="S1798" s="8"/>
    </row>
    <row r="1799" spans="1:19">
      <c r="A1799" s="6">
        <v>1800</v>
      </c>
      <c r="B1799" s="6">
        <v>114832</v>
      </c>
      <c r="C1799" s="6">
        <v>114804</v>
      </c>
      <c r="D1799" s="6">
        <f t="shared" si="56"/>
        <v>28</v>
      </c>
      <c r="E1799" s="7">
        <f t="shared" si="57"/>
        <v>2.438344712275324E-4</v>
      </c>
      <c r="H1799" s="8"/>
      <c r="S1799" s="8"/>
    </row>
    <row r="1800" spans="1:19">
      <c r="A1800" s="6">
        <v>1801</v>
      </c>
      <c r="B1800" s="6">
        <v>114377</v>
      </c>
      <c r="C1800" s="6">
        <v>114365</v>
      </c>
      <c r="D1800" s="6">
        <f t="shared" si="56"/>
        <v>12</v>
      </c>
      <c r="E1800" s="7">
        <f t="shared" si="57"/>
        <v>1.0491619818669837E-4</v>
      </c>
      <c r="H1800" s="8"/>
      <c r="S1800" s="8"/>
    </row>
    <row r="1801" spans="1:19">
      <c r="A1801" s="6">
        <v>1802</v>
      </c>
      <c r="B1801" s="6">
        <v>114400</v>
      </c>
      <c r="C1801" s="6">
        <v>114375</v>
      </c>
      <c r="D1801" s="6">
        <f t="shared" si="56"/>
        <v>25</v>
      </c>
      <c r="E1801" s="7">
        <f t="shared" si="57"/>
        <v>2.1853146853146853E-4</v>
      </c>
      <c r="H1801" s="8"/>
      <c r="S1801" s="8"/>
    </row>
    <row r="1802" spans="1:19">
      <c r="A1802" s="6">
        <v>1803</v>
      </c>
      <c r="B1802" s="6">
        <v>114625</v>
      </c>
      <c r="C1802" s="6">
        <v>114387</v>
      </c>
      <c r="D1802" s="6">
        <f t="shared" si="56"/>
        <v>238</v>
      </c>
      <c r="E1802" s="7">
        <f t="shared" si="57"/>
        <v>2.0763358778625954E-3</v>
      </c>
      <c r="H1802" s="8"/>
      <c r="S1802" s="8"/>
    </row>
    <row r="1803" spans="1:19">
      <c r="A1803" s="6">
        <v>1804</v>
      </c>
      <c r="B1803" s="6">
        <v>114383</v>
      </c>
      <c r="C1803" s="6">
        <v>114031</v>
      </c>
      <c r="D1803" s="6">
        <f t="shared" si="56"/>
        <v>352</v>
      </c>
      <c r="E1803" s="7">
        <f t="shared" si="57"/>
        <v>3.0773803799515661E-3</v>
      </c>
      <c r="H1803" s="8"/>
      <c r="S1803" s="8"/>
    </row>
    <row r="1804" spans="1:19">
      <c r="A1804" s="6">
        <v>1805</v>
      </c>
      <c r="B1804" s="6">
        <v>114018</v>
      </c>
      <c r="C1804" s="6">
        <v>113584</v>
      </c>
      <c r="D1804" s="6">
        <f t="shared" si="56"/>
        <v>434</v>
      </c>
      <c r="E1804" s="7">
        <f t="shared" si="57"/>
        <v>3.8064165307232192E-3</v>
      </c>
      <c r="H1804" s="8"/>
      <c r="S1804" s="8"/>
    </row>
    <row r="1805" spans="1:19">
      <c r="A1805" s="6">
        <v>1806</v>
      </c>
      <c r="B1805" s="6">
        <v>113976</v>
      </c>
      <c r="C1805" s="6">
        <v>113989</v>
      </c>
      <c r="D1805" s="6">
        <f t="shared" si="56"/>
        <v>-13</v>
      </c>
      <c r="E1805" s="7">
        <f t="shared" si="57"/>
        <v>-1.1405910016143749E-4</v>
      </c>
      <c r="H1805" s="8"/>
      <c r="S1805" s="8"/>
    </row>
    <row r="1806" spans="1:19">
      <c r="A1806" s="6">
        <v>1807</v>
      </c>
      <c r="B1806" s="6">
        <v>114049</v>
      </c>
      <c r="C1806" s="6">
        <v>114009</v>
      </c>
      <c r="D1806" s="6">
        <f t="shared" si="56"/>
        <v>40</v>
      </c>
      <c r="E1806" s="7">
        <f t="shared" si="57"/>
        <v>3.5072644214328931E-4</v>
      </c>
      <c r="H1806" s="8"/>
      <c r="S1806" s="8"/>
    </row>
    <row r="1807" spans="1:19">
      <c r="A1807" s="6">
        <v>1808</v>
      </c>
      <c r="B1807" s="6">
        <v>114818</v>
      </c>
      <c r="C1807" s="6">
        <v>117802</v>
      </c>
      <c r="D1807" s="6">
        <f t="shared" si="56"/>
        <v>-2984</v>
      </c>
      <c r="E1807" s="7">
        <f t="shared" si="57"/>
        <v>-2.5988956435402114E-2</v>
      </c>
      <c r="H1807" s="8"/>
      <c r="S1807" s="8"/>
    </row>
    <row r="1808" spans="1:19">
      <c r="A1808" s="6">
        <v>1809</v>
      </c>
      <c r="B1808" s="6">
        <v>114598</v>
      </c>
      <c r="C1808" s="6">
        <v>117320</v>
      </c>
      <c r="D1808" s="6">
        <f t="shared" si="56"/>
        <v>-2722</v>
      </c>
      <c r="E1808" s="7">
        <f t="shared" si="57"/>
        <v>-2.3752596031344352E-2</v>
      </c>
      <c r="H1808" s="8"/>
      <c r="S1808" s="8"/>
    </row>
    <row r="1809" spans="1:19">
      <c r="A1809" s="6">
        <v>1810</v>
      </c>
      <c r="B1809" s="6">
        <v>114450</v>
      </c>
      <c r="C1809" s="6">
        <v>117303</v>
      </c>
      <c r="D1809" s="6">
        <f t="shared" si="56"/>
        <v>-2853</v>
      </c>
      <c r="E1809" s="7">
        <f t="shared" si="57"/>
        <v>-2.4927916120576672E-2</v>
      </c>
      <c r="H1809" s="8"/>
      <c r="S1809" s="8"/>
    </row>
    <row r="1810" spans="1:19">
      <c r="A1810" s="6">
        <v>1811</v>
      </c>
      <c r="B1810" s="6">
        <v>114458</v>
      </c>
      <c r="C1810" s="6">
        <v>117300</v>
      </c>
      <c r="D1810" s="6">
        <f t="shared" si="56"/>
        <v>-2842</v>
      </c>
      <c r="E1810" s="7">
        <f t="shared" si="57"/>
        <v>-2.4830068671477749E-2</v>
      </c>
      <c r="H1810" s="8"/>
      <c r="S1810" s="8"/>
    </row>
    <row r="1811" spans="1:19">
      <c r="A1811" s="6">
        <v>1812</v>
      </c>
      <c r="B1811" s="6">
        <v>114377</v>
      </c>
      <c r="C1811" s="6">
        <v>116905</v>
      </c>
      <c r="D1811" s="6">
        <f t="shared" si="56"/>
        <v>-2528</v>
      </c>
      <c r="E1811" s="7">
        <f t="shared" si="57"/>
        <v>-2.2102345751331125E-2</v>
      </c>
      <c r="H1811" s="8"/>
      <c r="S1811" s="8"/>
    </row>
    <row r="1812" spans="1:19">
      <c r="A1812" s="6">
        <v>1813</v>
      </c>
      <c r="B1812" s="6">
        <v>114030</v>
      </c>
      <c r="C1812" s="6">
        <v>116533</v>
      </c>
      <c r="D1812" s="6">
        <f t="shared" si="56"/>
        <v>-2503</v>
      </c>
      <c r="E1812" s="7">
        <f t="shared" si="57"/>
        <v>-2.1950363939314217E-2</v>
      </c>
      <c r="H1812" s="8"/>
      <c r="S1812" s="8"/>
    </row>
    <row r="1813" spans="1:19">
      <c r="A1813" s="6">
        <v>1814</v>
      </c>
      <c r="B1813" s="6">
        <v>114487</v>
      </c>
      <c r="C1813" s="6">
        <v>117093</v>
      </c>
      <c r="D1813" s="6">
        <f t="shared" si="56"/>
        <v>-2606</v>
      </c>
      <c r="E1813" s="7">
        <f t="shared" si="57"/>
        <v>-2.2762409705905474E-2</v>
      </c>
      <c r="H1813" s="8"/>
      <c r="S1813" s="8"/>
    </row>
    <row r="1814" spans="1:19">
      <c r="A1814" s="6">
        <v>1815</v>
      </c>
      <c r="B1814" s="6">
        <v>113974</v>
      </c>
      <c r="C1814" s="6">
        <v>116889</v>
      </c>
      <c r="D1814" s="6">
        <f t="shared" si="56"/>
        <v>-2915</v>
      </c>
      <c r="E1814" s="7">
        <f t="shared" si="57"/>
        <v>-2.5576008563356557E-2</v>
      </c>
      <c r="H1814" s="8"/>
      <c r="S1814" s="8"/>
    </row>
    <row r="1815" spans="1:19">
      <c r="A1815" s="6">
        <v>1816</v>
      </c>
      <c r="B1815" s="6">
        <v>113971</v>
      </c>
      <c r="C1815" s="6">
        <v>118616</v>
      </c>
      <c r="D1815" s="6">
        <f t="shared" si="56"/>
        <v>-4645</v>
      </c>
      <c r="E1815" s="7">
        <f t="shared" si="57"/>
        <v>-4.0755981784840002E-2</v>
      </c>
      <c r="H1815" s="8"/>
      <c r="S1815" s="8"/>
    </row>
    <row r="1816" spans="1:19">
      <c r="A1816" s="6">
        <v>1817</v>
      </c>
      <c r="B1816" s="6">
        <v>113594</v>
      </c>
      <c r="C1816" s="6">
        <v>118753</v>
      </c>
      <c r="D1816" s="6">
        <f t="shared" si="56"/>
        <v>-5159</v>
      </c>
      <c r="E1816" s="7">
        <f t="shared" si="57"/>
        <v>-4.5416131133686637E-2</v>
      </c>
      <c r="H1816" s="8"/>
      <c r="S1816" s="8"/>
    </row>
    <row r="1817" spans="1:19">
      <c r="A1817" s="6">
        <v>1818</v>
      </c>
      <c r="B1817" s="6">
        <v>113541</v>
      </c>
      <c r="C1817" s="6">
        <v>119383</v>
      </c>
      <c r="D1817" s="6">
        <f t="shared" si="56"/>
        <v>-5842</v>
      </c>
      <c r="E1817" s="7">
        <f t="shared" si="57"/>
        <v>-5.1452779172281381E-2</v>
      </c>
      <c r="H1817" s="8"/>
      <c r="S1817" s="8"/>
    </row>
    <row r="1818" spans="1:19">
      <c r="A1818" s="6">
        <v>1819</v>
      </c>
      <c r="B1818" s="6">
        <v>113549</v>
      </c>
      <c r="C1818" s="6">
        <v>118150</v>
      </c>
      <c r="D1818" s="6">
        <f t="shared" si="56"/>
        <v>-4601</v>
      </c>
      <c r="E1818" s="7">
        <f t="shared" si="57"/>
        <v>-4.0519951738896866E-2</v>
      </c>
      <c r="H1818" s="8"/>
      <c r="S1818" s="8"/>
    </row>
    <row r="1819" spans="1:19">
      <c r="A1819" s="6">
        <v>1820</v>
      </c>
      <c r="B1819" s="6">
        <v>113968</v>
      </c>
      <c r="C1819" s="6">
        <v>117795</v>
      </c>
      <c r="D1819" s="6">
        <f t="shared" si="56"/>
        <v>-3827</v>
      </c>
      <c r="E1819" s="7">
        <f t="shared" si="57"/>
        <v>-3.357960129159062E-2</v>
      </c>
      <c r="H1819" s="8"/>
      <c r="S1819" s="8"/>
    </row>
    <row r="1820" spans="1:19">
      <c r="A1820" s="6">
        <v>1821</v>
      </c>
      <c r="B1820" s="6">
        <v>113558</v>
      </c>
      <c r="C1820" s="6">
        <v>117322</v>
      </c>
      <c r="D1820" s="6">
        <f t="shared" si="56"/>
        <v>-3764</v>
      </c>
      <c r="E1820" s="7">
        <f t="shared" si="57"/>
        <v>-3.3146057521266668E-2</v>
      </c>
      <c r="H1820" s="8"/>
      <c r="S1820" s="8"/>
    </row>
    <row r="1821" spans="1:19">
      <c r="A1821" s="6">
        <v>1822</v>
      </c>
      <c r="B1821" s="6">
        <v>113562</v>
      </c>
      <c r="C1821" s="6">
        <v>117977</v>
      </c>
      <c r="D1821" s="6">
        <f t="shared" si="56"/>
        <v>-4415</v>
      </c>
      <c r="E1821" s="7">
        <f t="shared" si="57"/>
        <v>-3.8877441397650619E-2</v>
      </c>
      <c r="H1821" s="8"/>
      <c r="S1821" s="8"/>
    </row>
    <row r="1822" spans="1:19">
      <c r="A1822" s="6">
        <v>1823</v>
      </c>
      <c r="B1822" s="6">
        <v>113605</v>
      </c>
      <c r="C1822" s="6">
        <v>117795</v>
      </c>
      <c r="D1822" s="6">
        <f t="shared" si="56"/>
        <v>-4190</v>
      </c>
      <c r="E1822" s="7">
        <f t="shared" si="57"/>
        <v>-3.6882179481536902E-2</v>
      </c>
      <c r="H1822" s="8"/>
      <c r="S1822" s="8"/>
    </row>
    <row r="1823" spans="1:19">
      <c r="A1823" s="6">
        <v>1824</v>
      </c>
      <c r="B1823" s="6">
        <v>115372</v>
      </c>
      <c r="C1823" s="6">
        <v>119419</v>
      </c>
      <c r="D1823" s="6">
        <f t="shared" si="56"/>
        <v>-4047</v>
      </c>
      <c r="E1823" s="7">
        <f t="shared" si="57"/>
        <v>-3.5077835176645977E-2</v>
      </c>
      <c r="H1823" s="8"/>
      <c r="S1823" s="8"/>
    </row>
    <row r="1824" spans="1:19">
      <c r="A1824" s="6">
        <v>1825</v>
      </c>
      <c r="B1824" s="6">
        <v>114818</v>
      </c>
      <c r="C1824" s="6">
        <v>119228</v>
      </c>
      <c r="D1824" s="6">
        <f t="shared" si="56"/>
        <v>-4410</v>
      </c>
      <c r="E1824" s="7">
        <f t="shared" si="57"/>
        <v>-3.8408611890121756E-2</v>
      </c>
      <c r="H1824" s="8"/>
      <c r="S1824" s="8"/>
    </row>
    <row r="1825" spans="1:19">
      <c r="A1825" s="6">
        <v>1826</v>
      </c>
      <c r="B1825" s="6">
        <v>114848</v>
      </c>
      <c r="C1825" s="6">
        <v>118963</v>
      </c>
      <c r="D1825" s="6">
        <f t="shared" si="56"/>
        <v>-4115</v>
      </c>
      <c r="E1825" s="7">
        <f t="shared" si="57"/>
        <v>-3.5829966564502644E-2</v>
      </c>
      <c r="H1825" s="8"/>
      <c r="S1825" s="8"/>
    </row>
    <row r="1826" spans="1:19">
      <c r="A1826" s="6">
        <v>1827</v>
      </c>
      <c r="B1826" s="6">
        <v>114809</v>
      </c>
      <c r="C1826" s="6">
        <v>118966</v>
      </c>
      <c r="D1826" s="6">
        <f t="shared" si="56"/>
        <v>-4157</v>
      </c>
      <c r="E1826" s="7">
        <f t="shared" si="57"/>
        <v>-3.6207962790373575E-2</v>
      </c>
      <c r="H1826" s="8"/>
      <c r="S1826" s="8"/>
    </row>
    <row r="1827" spans="1:19">
      <c r="A1827" s="6">
        <v>1828</v>
      </c>
      <c r="B1827" s="6">
        <v>114900</v>
      </c>
      <c r="C1827" s="6">
        <v>118541</v>
      </c>
      <c r="D1827" s="6">
        <f t="shared" si="56"/>
        <v>-3641</v>
      </c>
      <c r="E1827" s="7">
        <f t="shared" si="57"/>
        <v>-3.1688424717145343E-2</v>
      </c>
      <c r="H1827" s="8"/>
      <c r="S1827" s="8"/>
    </row>
    <row r="1828" spans="1:19">
      <c r="A1828" s="6">
        <v>1829</v>
      </c>
      <c r="B1828" s="6">
        <v>113977</v>
      </c>
      <c r="C1828" s="6">
        <v>118221</v>
      </c>
      <c r="D1828" s="6">
        <f t="shared" si="56"/>
        <v>-4244</v>
      </c>
      <c r="E1828" s="7">
        <f t="shared" si="57"/>
        <v>-3.7235582617545643E-2</v>
      </c>
      <c r="H1828" s="8"/>
      <c r="S1828" s="8"/>
    </row>
    <row r="1829" spans="1:19">
      <c r="A1829" s="6">
        <v>1830</v>
      </c>
      <c r="B1829" s="6">
        <v>114367</v>
      </c>
      <c r="C1829" s="6">
        <v>118552</v>
      </c>
      <c r="D1829" s="6">
        <f t="shared" si="56"/>
        <v>-4185</v>
      </c>
      <c r="E1829" s="7">
        <f t="shared" si="57"/>
        <v>-3.6592723425463637E-2</v>
      </c>
      <c r="H1829" s="8"/>
      <c r="S1829" s="8"/>
    </row>
    <row r="1830" spans="1:19">
      <c r="A1830" s="6">
        <v>1831</v>
      </c>
      <c r="B1830" s="6">
        <v>114467</v>
      </c>
      <c r="C1830" s="6">
        <v>118542</v>
      </c>
      <c r="D1830" s="6">
        <f t="shared" si="56"/>
        <v>-4075</v>
      </c>
      <c r="E1830" s="7">
        <f t="shared" si="57"/>
        <v>-3.5599779849214183E-2</v>
      </c>
      <c r="H1830" s="8"/>
      <c r="S1830" s="8"/>
    </row>
    <row r="1831" spans="1:19">
      <c r="A1831" s="6">
        <v>1832</v>
      </c>
      <c r="B1831" s="6">
        <v>114490</v>
      </c>
      <c r="C1831" s="6">
        <v>120298</v>
      </c>
      <c r="D1831" s="6">
        <f t="shared" si="56"/>
        <v>-5808</v>
      </c>
      <c r="E1831" s="7">
        <f t="shared" si="57"/>
        <v>-5.0729321338108133E-2</v>
      </c>
      <c r="H1831" s="8"/>
      <c r="S1831" s="8"/>
    </row>
    <row r="1832" spans="1:19">
      <c r="A1832" s="6">
        <v>1833</v>
      </c>
      <c r="B1832" s="6">
        <v>114573</v>
      </c>
      <c r="C1832" s="6">
        <v>119818</v>
      </c>
      <c r="D1832" s="6">
        <f t="shared" si="56"/>
        <v>-5245</v>
      </c>
      <c r="E1832" s="7">
        <f t="shared" si="57"/>
        <v>-4.5778673858587977E-2</v>
      </c>
      <c r="H1832" s="8"/>
      <c r="S1832" s="8"/>
    </row>
    <row r="1833" spans="1:19">
      <c r="A1833" s="6">
        <v>1834</v>
      </c>
      <c r="B1833" s="6">
        <v>113968</v>
      </c>
      <c r="C1833" s="6">
        <v>119864</v>
      </c>
      <c r="D1833" s="6">
        <f t="shared" si="56"/>
        <v>-5896</v>
      </c>
      <c r="E1833" s="7">
        <f t="shared" si="57"/>
        <v>-5.1733820019654639E-2</v>
      </c>
      <c r="H1833" s="8"/>
      <c r="S1833" s="8"/>
    </row>
    <row r="1834" spans="1:19">
      <c r="A1834" s="6">
        <v>1835</v>
      </c>
      <c r="B1834" s="6">
        <v>113973</v>
      </c>
      <c r="C1834" s="6">
        <v>119811</v>
      </c>
      <c r="D1834" s="6">
        <f t="shared" si="56"/>
        <v>-5838</v>
      </c>
      <c r="E1834" s="7">
        <f t="shared" si="57"/>
        <v>-5.1222657997946883E-2</v>
      </c>
      <c r="H1834" s="8"/>
      <c r="S1834" s="8"/>
    </row>
    <row r="1835" spans="1:19">
      <c r="A1835" s="6">
        <v>1836</v>
      </c>
      <c r="B1835" s="6">
        <v>113989</v>
      </c>
      <c r="C1835" s="6">
        <v>119418</v>
      </c>
      <c r="D1835" s="6">
        <f t="shared" si="56"/>
        <v>-5429</v>
      </c>
      <c r="E1835" s="7">
        <f t="shared" si="57"/>
        <v>-4.7627402644114782E-2</v>
      </c>
      <c r="H1835" s="8"/>
      <c r="S1835" s="8"/>
    </row>
    <row r="1836" spans="1:19">
      <c r="A1836" s="6">
        <v>1837</v>
      </c>
      <c r="B1836" s="6">
        <v>113631</v>
      </c>
      <c r="C1836" s="6">
        <v>118983</v>
      </c>
      <c r="D1836" s="6">
        <f t="shared" si="56"/>
        <v>-5352</v>
      </c>
      <c r="E1836" s="7">
        <f t="shared" si="57"/>
        <v>-4.7099823111650868E-2</v>
      </c>
      <c r="H1836" s="8"/>
      <c r="S1836" s="8"/>
    </row>
    <row r="1837" spans="1:19">
      <c r="A1837" s="6">
        <v>1838</v>
      </c>
      <c r="B1837" s="6">
        <v>113616</v>
      </c>
      <c r="C1837" s="6">
        <v>119492</v>
      </c>
      <c r="D1837" s="6">
        <f t="shared" si="56"/>
        <v>-5876</v>
      </c>
      <c r="E1837" s="7">
        <f t="shared" si="57"/>
        <v>-5.1718067877763695E-2</v>
      </c>
      <c r="H1837" s="8"/>
      <c r="S1837" s="8"/>
    </row>
    <row r="1838" spans="1:19">
      <c r="A1838" s="6">
        <v>1839</v>
      </c>
      <c r="B1838" s="6">
        <v>113768</v>
      </c>
      <c r="C1838" s="6">
        <v>120983</v>
      </c>
      <c r="D1838" s="6">
        <f t="shared" si="56"/>
        <v>-7215</v>
      </c>
      <c r="E1838" s="7">
        <f t="shared" si="57"/>
        <v>-6.3418535967934744E-2</v>
      </c>
      <c r="H1838" s="8"/>
      <c r="S1838" s="8"/>
    </row>
    <row r="1839" spans="1:19">
      <c r="A1839" s="6">
        <v>1840</v>
      </c>
      <c r="B1839" s="6">
        <v>114812</v>
      </c>
      <c r="C1839" s="6">
        <v>121118</v>
      </c>
      <c r="D1839" s="6">
        <f t="shared" si="56"/>
        <v>-6306</v>
      </c>
      <c r="E1839" s="7">
        <f t="shared" si="57"/>
        <v>-5.4924572344354251E-2</v>
      </c>
      <c r="H1839" s="8"/>
      <c r="S1839" s="8"/>
    </row>
    <row r="1840" spans="1:19">
      <c r="A1840" s="6">
        <v>1841</v>
      </c>
      <c r="B1840" s="6">
        <v>114446</v>
      </c>
      <c r="C1840" s="6">
        <v>120620</v>
      </c>
      <c r="D1840" s="6">
        <f t="shared" si="56"/>
        <v>-6174</v>
      </c>
      <c r="E1840" s="7">
        <f t="shared" si="57"/>
        <v>-5.3946839557520575E-2</v>
      </c>
      <c r="H1840" s="8"/>
      <c r="S1840" s="8"/>
    </row>
    <row r="1841" spans="1:19">
      <c r="A1841" s="6">
        <v>1842</v>
      </c>
      <c r="B1841" s="6">
        <v>114388</v>
      </c>
      <c r="C1841" s="6">
        <v>120694</v>
      </c>
      <c r="D1841" s="6">
        <f t="shared" si="56"/>
        <v>-6306</v>
      </c>
      <c r="E1841" s="7">
        <f t="shared" si="57"/>
        <v>-5.5128160296534605E-2</v>
      </c>
      <c r="H1841" s="8"/>
      <c r="S1841" s="8"/>
    </row>
    <row r="1842" spans="1:19">
      <c r="A1842" s="6">
        <v>1843</v>
      </c>
      <c r="B1842" s="6">
        <v>114409</v>
      </c>
      <c r="C1842" s="6">
        <v>120697</v>
      </c>
      <c r="D1842" s="6">
        <f t="shared" si="56"/>
        <v>-6288</v>
      </c>
      <c r="E1842" s="7">
        <f t="shared" si="57"/>
        <v>-5.4960711132865422E-2</v>
      </c>
      <c r="H1842" s="8"/>
      <c r="S1842" s="8"/>
    </row>
    <row r="1843" spans="1:19">
      <c r="A1843" s="6">
        <v>1844</v>
      </c>
      <c r="B1843" s="6">
        <v>114429</v>
      </c>
      <c r="C1843" s="6">
        <v>120234</v>
      </c>
      <c r="D1843" s="6">
        <f t="shared" si="56"/>
        <v>-5805</v>
      </c>
      <c r="E1843" s="7">
        <f t="shared" si="57"/>
        <v>-5.0730147078100828E-2</v>
      </c>
      <c r="H1843" s="8"/>
      <c r="S1843" s="8"/>
    </row>
    <row r="1844" spans="1:19">
      <c r="A1844" s="6">
        <v>1845</v>
      </c>
      <c r="B1844" s="6">
        <v>113969</v>
      </c>
      <c r="C1844" s="6">
        <v>119806</v>
      </c>
      <c r="D1844" s="6">
        <f t="shared" si="56"/>
        <v>-5837</v>
      </c>
      <c r="E1844" s="7">
        <f t="shared" si="57"/>
        <v>-5.1215681457238371E-2</v>
      </c>
      <c r="H1844" s="8"/>
      <c r="S1844" s="8"/>
    </row>
    <row r="1845" spans="1:19">
      <c r="A1845" s="6">
        <v>1846</v>
      </c>
      <c r="B1845" s="6">
        <v>113978</v>
      </c>
      <c r="C1845" s="6">
        <v>120225</v>
      </c>
      <c r="D1845" s="6">
        <f t="shared" si="56"/>
        <v>-6247</v>
      </c>
      <c r="E1845" s="7">
        <f t="shared" si="57"/>
        <v>-5.4808822755268563E-2</v>
      </c>
      <c r="H1845" s="8"/>
      <c r="S1845" s="8"/>
    </row>
    <row r="1846" spans="1:19">
      <c r="A1846" s="6">
        <v>1847</v>
      </c>
      <c r="B1846" s="6">
        <v>113966</v>
      </c>
      <c r="C1846" s="6">
        <v>120239</v>
      </c>
      <c r="D1846" s="6">
        <f t="shared" si="56"/>
        <v>-6273</v>
      </c>
      <c r="E1846" s="7">
        <f t="shared" si="57"/>
        <v>-5.5042732042889987E-2</v>
      </c>
      <c r="H1846" s="8"/>
      <c r="S1846" s="8"/>
    </row>
    <row r="1847" spans="1:19">
      <c r="A1847" s="6">
        <v>1848</v>
      </c>
      <c r="B1847" s="6">
        <v>114441</v>
      </c>
      <c r="C1847" s="6">
        <v>122154</v>
      </c>
      <c r="D1847" s="6">
        <f t="shared" si="56"/>
        <v>-7713</v>
      </c>
      <c r="E1847" s="7">
        <f t="shared" si="57"/>
        <v>-6.7397174089705608E-2</v>
      </c>
      <c r="H1847" s="8"/>
      <c r="S1847" s="8"/>
    </row>
    <row r="1848" spans="1:19">
      <c r="A1848" s="6">
        <v>1849</v>
      </c>
      <c r="B1848" s="6">
        <v>113972</v>
      </c>
      <c r="C1848" s="6">
        <v>121679</v>
      </c>
      <c r="D1848" s="6">
        <f t="shared" si="56"/>
        <v>-7707</v>
      </c>
      <c r="E1848" s="7">
        <f t="shared" si="57"/>
        <v>-6.7621872038746353E-2</v>
      </c>
      <c r="H1848" s="8"/>
      <c r="S1848" s="8"/>
    </row>
    <row r="1849" spans="1:19">
      <c r="A1849" s="6">
        <v>1850</v>
      </c>
      <c r="B1849" s="6">
        <v>113994</v>
      </c>
      <c r="C1849" s="6">
        <v>121526</v>
      </c>
      <c r="D1849" s="6">
        <f t="shared" si="56"/>
        <v>-7532</v>
      </c>
      <c r="E1849" s="7">
        <f t="shared" si="57"/>
        <v>-6.6073652999280669E-2</v>
      </c>
      <c r="H1849" s="8"/>
      <c r="S1849" s="8"/>
    </row>
    <row r="1850" spans="1:19">
      <c r="A1850" s="6">
        <v>1851</v>
      </c>
      <c r="B1850" s="6">
        <v>113969</v>
      </c>
      <c r="C1850" s="6">
        <v>121484</v>
      </c>
      <c r="D1850" s="6">
        <f t="shared" si="56"/>
        <v>-7515</v>
      </c>
      <c r="E1850" s="7">
        <f t="shared" si="57"/>
        <v>-6.5938983407768784E-2</v>
      </c>
      <c r="H1850" s="8"/>
      <c r="S1850" s="8"/>
    </row>
    <row r="1851" spans="1:19">
      <c r="A1851" s="6">
        <v>1852</v>
      </c>
      <c r="B1851" s="6">
        <v>114439</v>
      </c>
      <c r="C1851" s="6">
        <v>121076</v>
      </c>
      <c r="D1851" s="6">
        <f t="shared" si="56"/>
        <v>-6637</v>
      </c>
      <c r="E1851" s="7">
        <f t="shared" si="57"/>
        <v>-5.7995962914740601E-2</v>
      </c>
      <c r="H1851" s="8"/>
      <c r="S1851" s="8"/>
    </row>
    <row r="1852" spans="1:19">
      <c r="A1852" s="6">
        <v>1853</v>
      </c>
      <c r="B1852" s="6">
        <v>113992</v>
      </c>
      <c r="C1852" s="6">
        <v>120685</v>
      </c>
      <c r="D1852" s="6">
        <f t="shared" si="56"/>
        <v>-6693</v>
      </c>
      <c r="E1852" s="7">
        <f t="shared" si="57"/>
        <v>-5.8714646641869601E-2</v>
      </c>
      <c r="H1852" s="8"/>
      <c r="S1852" s="8"/>
    </row>
    <row r="1853" spans="1:19">
      <c r="A1853" s="6">
        <v>1854</v>
      </c>
      <c r="B1853" s="6">
        <v>113956</v>
      </c>
      <c r="C1853" s="6">
        <v>121124</v>
      </c>
      <c r="D1853" s="6">
        <f t="shared" si="56"/>
        <v>-7168</v>
      </c>
      <c r="E1853" s="7">
        <f t="shared" si="57"/>
        <v>-6.2901470743093824E-2</v>
      </c>
      <c r="H1853" s="8"/>
      <c r="S1853" s="8"/>
    </row>
    <row r="1854" spans="1:19">
      <c r="A1854" s="6">
        <v>1855</v>
      </c>
      <c r="B1854" s="6">
        <v>114005</v>
      </c>
      <c r="C1854" s="6">
        <v>121068</v>
      </c>
      <c r="D1854" s="6">
        <f t="shared" si="56"/>
        <v>-7063</v>
      </c>
      <c r="E1854" s="7">
        <f t="shared" si="57"/>
        <v>-6.1953423095478272E-2</v>
      </c>
      <c r="H1854" s="8"/>
      <c r="S1854" s="8"/>
    </row>
    <row r="1855" spans="1:19">
      <c r="A1855" s="6">
        <v>1856</v>
      </c>
      <c r="B1855" s="6">
        <v>107288</v>
      </c>
      <c r="C1855" s="6">
        <v>107370</v>
      </c>
      <c r="D1855" s="6">
        <f t="shared" si="56"/>
        <v>-82</v>
      </c>
      <c r="E1855" s="7">
        <f t="shared" si="57"/>
        <v>-7.6429796435761692E-4</v>
      </c>
      <c r="H1855" s="8"/>
      <c r="S1855" s="8"/>
    </row>
    <row r="1856" spans="1:19">
      <c r="A1856" s="6">
        <v>1857</v>
      </c>
      <c r="B1856" s="6">
        <v>118677</v>
      </c>
      <c r="C1856" s="6">
        <v>116900</v>
      </c>
      <c r="D1856" s="6">
        <f t="shared" si="56"/>
        <v>1777</v>
      </c>
      <c r="E1856" s="7">
        <f t="shared" si="57"/>
        <v>1.4973415236313691E-2</v>
      </c>
      <c r="H1856" s="8"/>
      <c r="S1856" s="8"/>
    </row>
    <row r="1857" spans="1:19">
      <c r="A1857" s="6">
        <v>1858</v>
      </c>
      <c r="B1857" s="6">
        <v>118607</v>
      </c>
      <c r="C1857" s="6">
        <v>116905</v>
      </c>
      <c r="D1857" s="6">
        <f t="shared" si="56"/>
        <v>1702</v>
      </c>
      <c r="E1857" s="7">
        <f t="shared" si="57"/>
        <v>1.434991189390171E-2</v>
      </c>
      <c r="H1857" s="8"/>
      <c r="S1857" s="8"/>
    </row>
    <row r="1858" spans="1:19">
      <c r="A1858" s="6">
        <v>1859</v>
      </c>
      <c r="B1858" s="6">
        <v>118561</v>
      </c>
      <c r="C1858" s="6">
        <v>116939</v>
      </c>
      <c r="D1858" s="6">
        <f t="shared" si="56"/>
        <v>1622</v>
      </c>
      <c r="E1858" s="7">
        <f t="shared" si="57"/>
        <v>1.3680721316453134E-2</v>
      </c>
      <c r="H1858" s="8"/>
      <c r="S1858" s="8"/>
    </row>
    <row r="1859" spans="1:19">
      <c r="A1859" s="6">
        <v>1860</v>
      </c>
      <c r="B1859" s="6">
        <v>118441</v>
      </c>
      <c r="C1859" s="6">
        <v>116527</v>
      </c>
      <c r="D1859" s="6">
        <f t="shared" si="56"/>
        <v>1914</v>
      </c>
      <c r="E1859" s="7">
        <f t="shared" si="57"/>
        <v>1.6159944613773947E-2</v>
      </c>
      <c r="H1859" s="8"/>
      <c r="S1859" s="8"/>
    </row>
    <row r="1860" spans="1:19">
      <c r="A1860" s="6">
        <v>1861</v>
      </c>
      <c r="B1860" s="6">
        <v>117754</v>
      </c>
      <c r="C1860" s="6">
        <v>116044</v>
      </c>
      <c r="D1860" s="6">
        <f t="shared" ref="D1860:D1923" si="58">B1860-C1860</f>
        <v>1710</v>
      </c>
      <c r="E1860" s="7">
        <f t="shared" ref="E1860:E1923" si="59">D1860/B1860</f>
        <v>1.4521799684087166E-2</v>
      </c>
      <c r="H1860" s="8"/>
      <c r="S1860" s="8"/>
    </row>
    <row r="1861" spans="1:19">
      <c r="A1861" s="6">
        <v>1862</v>
      </c>
      <c r="B1861" s="6">
        <v>118133</v>
      </c>
      <c r="C1861" s="6">
        <v>116502</v>
      </c>
      <c r="D1861" s="6">
        <f t="shared" si="58"/>
        <v>1631</v>
      </c>
      <c r="E1861" s="7">
        <f t="shared" si="59"/>
        <v>1.3806472365892681E-2</v>
      </c>
      <c r="H1861" s="8"/>
      <c r="S1861" s="8"/>
    </row>
    <row r="1862" spans="1:19">
      <c r="A1862" s="6">
        <v>1863</v>
      </c>
      <c r="B1862" s="6">
        <v>118131</v>
      </c>
      <c r="C1862" s="6">
        <v>116455</v>
      </c>
      <c r="D1862" s="6">
        <f t="shared" si="58"/>
        <v>1676</v>
      </c>
      <c r="E1862" s="7">
        <f t="shared" si="59"/>
        <v>1.4187639146371401E-2</v>
      </c>
      <c r="H1862" s="8"/>
      <c r="S1862" s="8"/>
    </row>
    <row r="1863" spans="1:19">
      <c r="A1863" s="6">
        <v>1864</v>
      </c>
      <c r="B1863" s="6">
        <v>118155</v>
      </c>
      <c r="C1863" s="6">
        <v>118242</v>
      </c>
      <c r="D1863" s="6">
        <f t="shared" si="58"/>
        <v>-87</v>
      </c>
      <c r="E1863" s="7">
        <f t="shared" si="59"/>
        <v>-7.363209343658753E-4</v>
      </c>
      <c r="H1863" s="8"/>
      <c r="S1863" s="8"/>
    </row>
    <row r="1864" spans="1:19">
      <c r="A1864" s="6">
        <v>1865</v>
      </c>
      <c r="B1864" s="6">
        <v>117782</v>
      </c>
      <c r="C1864" s="6">
        <v>117733</v>
      </c>
      <c r="D1864" s="6">
        <f t="shared" si="58"/>
        <v>49</v>
      </c>
      <c r="E1864" s="7">
        <f t="shared" si="59"/>
        <v>4.1602282182336858E-4</v>
      </c>
      <c r="H1864" s="8"/>
      <c r="S1864" s="8"/>
    </row>
    <row r="1865" spans="1:19">
      <c r="A1865" s="6">
        <v>1866</v>
      </c>
      <c r="B1865" s="6">
        <v>117710</v>
      </c>
      <c r="C1865" s="6">
        <v>117757</v>
      </c>
      <c r="D1865" s="6">
        <f t="shared" si="58"/>
        <v>-47</v>
      </c>
      <c r="E1865" s="7">
        <f t="shared" si="59"/>
        <v>-3.9928638178574462E-4</v>
      </c>
      <c r="H1865" s="8"/>
      <c r="S1865" s="8"/>
    </row>
    <row r="1866" spans="1:19">
      <c r="A1866" s="6">
        <v>1867</v>
      </c>
      <c r="B1866" s="6">
        <v>117735</v>
      </c>
      <c r="C1866" s="6">
        <v>117710</v>
      </c>
      <c r="D1866" s="6">
        <f t="shared" si="58"/>
        <v>25</v>
      </c>
      <c r="E1866" s="7">
        <f t="shared" si="59"/>
        <v>2.1234127489701447E-4</v>
      </c>
      <c r="H1866" s="8"/>
      <c r="S1866" s="8"/>
    </row>
    <row r="1867" spans="1:19">
      <c r="A1867" s="6">
        <v>1868</v>
      </c>
      <c r="B1867" s="6">
        <v>117714</v>
      </c>
      <c r="C1867" s="6">
        <v>117902</v>
      </c>
      <c r="D1867" s="6">
        <f t="shared" si="58"/>
        <v>-188</v>
      </c>
      <c r="E1867" s="7">
        <f t="shared" si="59"/>
        <v>-1.5970912550758618E-3</v>
      </c>
      <c r="H1867" s="8"/>
      <c r="S1867" s="8"/>
    </row>
    <row r="1868" spans="1:19">
      <c r="A1868" s="6">
        <v>1869</v>
      </c>
      <c r="B1868" s="6">
        <v>117355</v>
      </c>
      <c r="C1868" s="6">
        <v>116888</v>
      </c>
      <c r="D1868" s="6">
        <f t="shared" si="58"/>
        <v>467</v>
      </c>
      <c r="E1868" s="7">
        <f t="shared" si="59"/>
        <v>3.9793788078905882E-3</v>
      </c>
      <c r="H1868" s="8"/>
      <c r="S1868" s="8"/>
    </row>
    <row r="1869" spans="1:19">
      <c r="A1869" s="6">
        <v>1870</v>
      </c>
      <c r="B1869" s="6">
        <v>117300</v>
      </c>
      <c r="C1869" s="6">
        <v>117309</v>
      </c>
      <c r="D1869" s="6">
        <f t="shared" si="58"/>
        <v>-9</v>
      </c>
      <c r="E1869" s="7">
        <f t="shared" si="59"/>
        <v>-7.6726342710997436E-5</v>
      </c>
      <c r="H1869" s="8"/>
      <c r="S1869" s="8"/>
    </row>
    <row r="1870" spans="1:19">
      <c r="A1870" s="6">
        <v>1871</v>
      </c>
      <c r="B1870" s="6">
        <v>117304</v>
      </c>
      <c r="C1870" s="6">
        <v>117343</v>
      </c>
      <c r="D1870" s="6">
        <f t="shared" si="58"/>
        <v>-39</v>
      </c>
      <c r="E1870" s="7">
        <f t="shared" si="59"/>
        <v>-3.3246948100661529E-4</v>
      </c>
      <c r="H1870" s="8"/>
      <c r="S1870" s="8"/>
    </row>
    <row r="1871" spans="1:19">
      <c r="A1871" s="6">
        <v>1872</v>
      </c>
      <c r="B1871" s="6">
        <v>118188</v>
      </c>
      <c r="C1871" s="6">
        <v>121121</v>
      </c>
      <c r="D1871" s="6">
        <f t="shared" si="58"/>
        <v>-2933</v>
      </c>
      <c r="E1871" s="7">
        <f t="shared" si="59"/>
        <v>-2.4816394219379295E-2</v>
      </c>
      <c r="H1871" s="8"/>
      <c r="S1871" s="8"/>
    </row>
    <row r="1872" spans="1:19">
      <c r="A1872" s="6">
        <v>1873</v>
      </c>
      <c r="B1872" s="6">
        <v>117734</v>
      </c>
      <c r="C1872" s="6">
        <v>120673</v>
      </c>
      <c r="D1872" s="6">
        <f t="shared" si="58"/>
        <v>-2939</v>
      </c>
      <c r="E1872" s="7">
        <f t="shared" si="59"/>
        <v>-2.4963052304347089E-2</v>
      </c>
      <c r="H1872" s="8"/>
      <c r="S1872" s="8"/>
    </row>
    <row r="1873" spans="1:19">
      <c r="A1873" s="6">
        <v>1874</v>
      </c>
      <c r="B1873" s="6">
        <v>117943</v>
      </c>
      <c r="C1873" s="6">
        <v>120653</v>
      </c>
      <c r="D1873" s="6">
        <f t="shared" si="58"/>
        <v>-2710</v>
      </c>
      <c r="E1873" s="7">
        <f t="shared" si="59"/>
        <v>-2.297720085125866E-2</v>
      </c>
      <c r="H1873" s="8"/>
      <c r="S1873" s="8"/>
    </row>
    <row r="1874" spans="1:19">
      <c r="A1874" s="6">
        <v>1875</v>
      </c>
      <c r="B1874" s="6">
        <v>117805</v>
      </c>
      <c r="C1874" s="6">
        <v>120810</v>
      </c>
      <c r="D1874" s="6">
        <f t="shared" si="58"/>
        <v>-3005</v>
      </c>
      <c r="E1874" s="7">
        <f t="shared" si="59"/>
        <v>-2.5508255167437714E-2</v>
      </c>
      <c r="H1874" s="8"/>
      <c r="S1874" s="8"/>
    </row>
    <row r="1875" spans="1:19">
      <c r="A1875" s="6">
        <v>1876</v>
      </c>
      <c r="B1875" s="6">
        <v>117743</v>
      </c>
      <c r="C1875" s="6">
        <v>120215</v>
      </c>
      <c r="D1875" s="6">
        <f t="shared" si="58"/>
        <v>-2472</v>
      </c>
      <c r="E1875" s="7">
        <f t="shared" si="59"/>
        <v>-2.0994878676439364E-2</v>
      </c>
      <c r="H1875" s="8"/>
      <c r="S1875" s="8"/>
    </row>
    <row r="1876" spans="1:19">
      <c r="A1876" s="6">
        <v>1877</v>
      </c>
      <c r="B1876" s="6">
        <v>117368</v>
      </c>
      <c r="C1876" s="6">
        <v>119820</v>
      </c>
      <c r="D1876" s="6">
        <f t="shared" si="58"/>
        <v>-2452</v>
      </c>
      <c r="E1876" s="7">
        <f t="shared" si="59"/>
        <v>-2.0891554767909482E-2</v>
      </c>
      <c r="H1876" s="8"/>
      <c r="S1876" s="8"/>
    </row>
    <row r="1877" spans="1:19">
      <c r="A1877" s="6">
        <v>1878</v>
      </c>
      <c r="B1877" s="6">
        <v>117303</v>
      </c>
      <c r="C1877" s="6">
        <v>120304</v>
      </c>
      <c r="D1877" s="6">
        <f t="shared" si="58"/>
        <v>-3001</v>
      </c>
      <c r="E1877" s="7">
        <f t="shared" si="59"/>
        <v>-2.55833184147038E-2</v>
      </c>
      <c r="H1877" s="8"/>
      <c r="S1877" s="8"/>
    </row>
    <row r="1878" spans="1:19">
      <c r="A1878" s="6">
        <v>1879</v>
      </c>
      <c r="B1878" s="6">
        <v>117333</v>
      </c>
      <c r="C1878" s="6">
        <v>120308</v>
      </c>
      <c r="D1878" s="6">
        <f t="shared" si="58"/>
        <v>-2975</v>
      </c>
      <c r="E1878" s="7">
        <f t="shared" si="59"/>
        <v>-2.5355185668141104E-2</v>
      </c>
      <c r="H1878" s="8"/>
      <c r="S1878" s="8"/>
    </row>
    <row r="1879" spans="1:19">
      <c r="A1879" s="6">
        <v>1880</v>
      </c>
      <c r="B1879" s="6">
        <v>117293</v>
      </c>
      <c r="C1879" s="6">
        <v>122033</v>
      </c>
      <c r="D1879" s="6">
        <f t="shared" si="58"/>
        <v>-4740</v>
      </c>
      <c r="E1879" s="7">
        <f t="shared" si="59"/>
        <v>-4.0411618766678321E-2</v>
      </c>
      <c r="H1879" s="8"/>
      <c r="S1879" s="8"/>
    </row>
    <row r="1880" spans="1:19">
      <c r="A1880" s="6">
        <v>1881</v>
      </c>
      <c r="B1880" s="6">
        <v>116906</v>
      </c>
      <c r="C1880" s="6">
        <v>121535</v>
      </c>
      <c r="D1880" s="6">
        <f t="shared" si="58"/>
        <v>-4629</v>
      </c>
      <c r="E1880" s="7">
        <f t="shared" si="59"/>
        <v>-3.9595914666484183E-2</v>
      </c>
      <c r="H1880" s="8"/>
      <c r="S1880" s="8"/>
    </row>
    <row r="1881" spans="1:19">
      <c r="A1881" s="6">
        <v>1882</v>
      </c>
      <c r="B1881" s="6">
        <v>116895</v>
      </c>
      <c r="C1881" s="6">
        <v>121931</v>
      </c>
      <c r="D1881" s="6">
        <f t="shared" si="58"/>
        <v>-5036</v>
      </c>
      <c r="E1881" s="7">
        <f t="shared" si="59"/>
        <v>-4.3081397835664482E-2</v>
      </c>
      <c r="H1881" s="8"/>
      <c r="S1881" s="8"/>
    </row>
    <row r="1882" spans="1:19">
      <c r="A1882" s="6">
        <v>1883</v>
      </c>
      <c r="B1882" s="6">
        <v>116893</v>
      </c>
      <c r="C1882" s="6">
        <v>121470</v>
      </c>
      <c r="D1882" s="6">
        <f t="shared" si="58"/>
        <v>-4577</v>
      </c>
      <c r="E1882" s="7">
        <f t="shared" si="59"/>
        <v>-3.9155466965515473E-2</v>
      </c>
      <c r="H1882" s="8"/>
      <c r="S1882" s="8"/>
    </row>
    <row r="1883" spans="1:19">
      <c r="A1883" s="6">
        <v>1884</v>
      </c>
      <c r="B1883" s="6">
        <v>117347</v>
      </c>
      <c r="C1883" s="6">
        <v>121049</v>
      </c>
      <c r="D1883" s="6">
        <f t="shared" si="58"/>
        <v>-3702</v>
      </c>
      <c r="E1883" s="7">
        <f t="shared" si="59"/>
        <v>-3.1547461801324277E-2</v>
      </c>
      <c r="H1883" s="8"/>
      <c r="S1883" s="8"/>
    </row>
    <row r="1884" spans="1:19">
      <c r="A1884" s="6">
        <v>1885</v>
      </c>
      <c r="B1884" s="6">
        <v>116941</v>
      </c>
      <c r="C1884" s="6">
        <v>120637</v>
      </c>
      <c r="D1884" s="6">
        <f t="shared" si="58"/>
        <v>-3696</v>
      </c>
      <c r="E1884" s="7">
        <f t="shared" si="59"/>
        <v>-3.1605681497507289E-2</v>
      </c>
      <c r="H1884" s="8"/>
      <c r="S1884" s="8"/>
    </row>
    <row r="1885" spans="1:19">
      <c r="A1885" s="6">
        <v>1886</v>
      </c>
      <c r="B1885" s="6">
        <v>116898</v>
      </c>
      <c r="C1885" s="6">
        <v>121072</v>
      </c>
      <c r="D1885" s="6">
        <f t="shared" si="58"/>
        <v>-4174</v>
      </c>
      <c r="E1885" s="7">
        <f t="shared" si="59"/>
        <v>-3.5706342281305072E-2</v>
      </c>
      <c r="H1885" s="8"/>
      <c r="S1885" s="8"/>
    </row>
    <row r="1886" spans="1:19">
      <c r="A1886" s="6">
        <v>1887</v>
      </c>
      <c r="B1886" s="6">
        <v>117499</v>
      </c>
      <c r="C1886" s="6">
        <v>121052</v>
      </c>
      <c r="D1886" s="6">
        <f t="shared" si="58"/>
        <v>-3553</v>
      </c>
      <c r="E1886" s="7">
        <f t="shared" si="59"/>
        <v>-3.0238555221746569E-2</v>
      </c>
      <c r="H1886" s="8"/>
      <c r="S1886" s="8"/>
    </row>
    <row r="1887" spans="1:19">
      <c r="A1887" s="6">
        <v>1888</v>
      </c>
      <c r="B1887" s="6">
        <v>118547</v>
      </c>
      <c r="C1887" s="6">
        <v>122740</v>
      </c>
      <c r="D1887" s="6">
        <f t="shared" si="58"/>
        <v>-4193</v>
      </c>
      <c r="E1887" s="7">
        <f t="shared" si="59"/>
        <v>-3.5369937661855637E-2</v>
      </c>
      <c r="H1887" s="8"/>
      <c r="S1887" s="8"/>
    </row>
    <row r="1888" spans="1:19">
      <c r="A1888" s="6">
        <v>1889</v>
      </c>
      <c r="B1888" s="6">
        <v>118209</v>
      </c>
      <c r="C1888" s="6">
        <v>122307</v>
      </c>
      <c r="D1888" s="6">
        <f t="shared" si="58"/>
        <v>-4098</v>
      </c>
      <c r="E1888" s="7">
        <f t="shared" si="59"/>
        <v>-3.4667411110829126E-2</v>
      </c>
      <c r="H1888" s="8"/>
      <c r="S1888" s="8"/>
    </row>
    <row r="1889" spans="1:19">
      <c r="A1889" s="6">
        <v>1890</v>
      </c>
      <c r="B1889" s="6">
        <v>118196</v>
      </c>
      <c r="C1889" s="6">
        <v>122310</v>
      </c>
      <c r="D1889" s="6">
        <f t="shared" si="58"/>
        <v>-4114</v>
      </c>
      <c r="E1889" s="7">
        <f t="shared" si="59"/>
        <v>-3.4806592439676466E-2</v>
      </c>
      <c r="H1889" s="8"/>
      <c r="S1889" s="8"/>
    </row>
    <row r="1890" spans="1:19">
      <c r="A1890" s="6">
        <v>1891</v>
      </c>
      <c r="B1890" s="6">
        <v>118137</v>
      </c>
      <c r="C1890" s="6">
        <v>123744</v>
      </c>
      <c r="D1890" s="6">
        <f t="shared" si="58"/>
        <v>-5607</v>
      </c>
      <c r="E1890" s="7">
        <f t="shared" si="59"/>
        <v>-4.7461845145889942E-2</v>
      </c>
      <c r="H1890" s="8"/>
      <c r="S1890" s="8"/>
    </row>
    <row r="1891" spans="1:19">
      <c r="A1891" s="6">
        <v>1892</v>
      </c>
      <c r="B1891" s="6">
        <v>117742</v>
      </c>
      <c r="C1891" s="6">
        <v>121904</v>
      </c>
      <c r="D1891" s="6">
        <f t="shared" si="58"/>
        <v>-4162</v>
      </c>
      <c r="E1891" s="7">
        <f t="shared" si="59"/>
        <v>-3.5348473781658202E-2</v>
      </c>
      <c r="H1891" s="8"/>
      <c r="S1891" s="8"/>
    </row>
    <row r="1892" spans="1:19">
      <c r="A1892" s="6">
        <v>1893</v>
      </c>
      <c r="B1892" s="6">
        <v>117347</v>
      </c>
      <c r="C1892" s="6">
        <v>121491</v>
      </c>
      <c r="D1892" s="6">
        <f t="shared" si="58"/>
        <v>-4144</v>
      </c>
      <c r="E1892" s="7">
        <f t="shared" si="59"/>
        <v>-3.5314068531790331E-2</v>
      </c>
      <c r="H1892" s="8"/>
      <c r="S1892" s="8"/>
    </row>
    <row r="1893" spans="1:19">
      <c r="A1893" s="6">
        <v>1894</v>
      </c>
      <c r="B1893" s="6">
        <v>117725</v>
      </c>
      <c r="C1893" s="6">
        <v>121905</v>
      </c>
      <c r="D1893" s="6">
        <f t="shared" si="58"/>
        <v>-4180</v>
      </c>
      <c r="E1893" s="7">
        <f t="shared" si="59"/>
        <v>-3.5506476959014655E-2</v>
      </c>
      <c r="H1893" s="8"/>
      <c r="S1893" s="8"/>
    </row>
    <row r="1894" spans="1:19">
      <c r="A1894" s="6">
        <v>1895</v>
      </c>
      <c r="B1894" s="6">
        <v>117708</v>
      </c>
      <c r="C1894" s="6">
        <v>121957</v>
      </c>
      <c r="D1894" s="6">
        <f t="shared" si="58"/>
        <v>-4249</v>
      </c>
      <c r="E1894" s="7">
        <f t="shared" si="59"/>
        <v>-3.6097801338906443E-2</v>
      </c>
      <c r="H1894" s="8"/>
      <c r="S1894" s="8"/>
    </row>
    <row r="1895" spans="1:19">
      <c r="A1895" s="6">
        <v>1896</v>
      </c>
      <c r="B1895" s="6">
        <v>117749</v>
      </c>
      <c r="C1895" s="6">
        <v>123552</v>
      </c>
      <c r="D1895" s="6">
        <f t="shared" si="58"/>
        <v>-5803</v>
      </c>
      <c r="E1895" s="7">
        <f t="shared" si="59"/>
        <v>-4.9282796456870122E-2</v>
      </c>
      <c r="H1895" s="8"/>
      <c r="S1895" s="8"/>
    </row>
    <row r="1896" spans="1:19">
      <c r="A1896" s="6">
        <v>1897</v>
      </c>
      <c r="B1896" s="6">
        <v>117436</v>
      </c>
      <c r="C1896" s="6">
        <v>123128</v>
      </c>
      <c r="D1896" s="6">
        <f t="shared" si="58"/>
        <v>-5692</v>
      </c>
      <c r="E1896" s="7">
        <f t="shared" si="59"/>
        <v>-4.8468953302224192E-2</v>
      </c>
      <c r="H1896" s="8"/>
      <c r="S1896" s="8"/>
    </row>
    <row r="1897" spans="1:19">
      <c r="A1897" s="6">
        <v>1898</v>
      </c>
      <c r="B1897" s="6">
        <v>117497</v>
      </c>
      <c r="C1897" s="6">
        <v>123183</v>
      </c>
      <c r="D1897" s="6">
        <f t="shared" si="58"/>
        <v>-5686</v>
      </c>
      <c r="E1897" s="7">
        <f t="shared" si="59"/>
        <v>-4.8392724920636274E-2</v>
      </c>
      <c r="H1897" s="8"/>
      <c r="S1897" s="8"/>
    </row>
    <row r="1898" spans="1:19">
      <c r="A1898" s="6">
        <v>1899</v>
      </c>
      <c r="B1898" s="6">
        <v>117299</v>
      </c>
      <c r="C1898" s="6">
        <v>123177</v>
      </c>
      <c r="D1898" s="6">
        <f t="shared" si="58"/>
        <v>-5878</v>
      </c>
      <c r="E1898" s="7">
        <f t="shared" si="59"/>
        <v>-5.0111254145389132E-2</v>
      </c>
      <c r="H1898" s="8"/>
      <c r="S1898" s="8"/>
    </row>
    <row r="1899" spans="1:19">
      <c r="A1899" s="6">
        <v>1900</v>
      </c>
      <c r="B1899" s="6">
        <v>117288</v>
      </c>
      <c r="C1899" s="6">
        <v>122726</v>
      </c>
      <c r="D1899" s="6">
        <f t="shared" si="58"/>
        <v>-5438</v>
      </c>
      <c r="E1899" s="7">
        <f t="shared" si="59"/>
        <v>-4.6364504467635223E-2</v>
      </c>
      <c r="H1899" s="8"/>
      <c r="S1899" s="8"/>
    </row>
    <row r="1900" spans="1:19">
      <c r="A1900" s="6">
        <v>1901</v>
      </c>
      <c r="B1900" s="6">
        <v>116943</v>
      </c>
      <c r="C1900" s="6">
        <v>122327</v>
      </c>
      <c r="D1900" s="6">
        <f t="shared" si="58"/>
        <v>-5384</v>
      </c>
      <c r="E1900" s="7">
        <f t="shared" si="59"/>
        <v>-4.6039523528556649E-2</v>
      </c>
      <c r="H1900" s="8"/>
      <c r="S1900" s="8"/>
    </row>
    <row r="1901" spans="1:19">
      <c r="A1901" s="6">
        <v>1902</v>
      </c>
      <c r="B1901" s="6">
        <v>116962</v>
      </c>
      <c r="C1901" s="6">
        <v>122725</v>
      </c>
      <c r="D1901" s="6">
        <f t="shared" si="58"/>
        <v>-5763</v>
      </c>
      <c r="E1901" s="7">
        <f t="shared" si="59"/>
        <v>-4.9272413262427116E-2</v>
      </c>
      <c r="H1901" s="8"/>
      <c r="S1901" s="8"/>
    </row>
    <row r="1902" spans="1:19">
      <c r="A1902" s="6">
        <v>1903</v>
      </c>
      <c r="B1902" s="6">
        <v>118078</v>
      </c>
      <c r="C1902" s="6">
        <v>122727</v>
      </c>
      <c r="D1902" s="6">
        <f t="shared" si="58"/>
        <v>-4649</v>
      </c>
      <c r="E1902" s="7">
        <f t="shared" si="59"/>
        <v>-3.9372279340774745E-2</v>
      </c>
      <c r="H1902" s="8"/>
      <c r="S1902" s="8"/>
    </row>
    <row r="1903" spans="1:19">
      <c r="A1903" s="6">
        <v>1904</v>
      </c>
      <c r="B1903" s="6">
        <v>118139</v>
      </c>
      <c r="C1903" s="6">
        <v>124382</v>
      </c>
      <c r="D1903" s="6">
        <f t="shared" si="58"/>
        <v>-6243</v>
      </c>
      <c r="E1903" s="7">
        <f t="shared" si="59"/>
        <v>-5.2844530595315686E-2</v>
      </c>
      <c r="H1903" s="8"/>
      <c r="S1903" s="8"/>
    </row>
    <row r="1904" spans="1:19">
      <c r="A1904" s="6">
        <v>1905</v>
      </c>
      <c r="B1904" s="6">
        <v>117743</v>
      </c>
      <c r="C1904" s="6">
        <v>124049</v>
      </c>
      <c r="D1904" s="6">
        <f t="shared" si="58"/>
        <v>-6306</v>
      </c>
      <c r="E1904" s="7">
        <f t="shared" si="59"/>
        <v>-5.3557324002276141E-2</v>
      </c>
      <c r="H1904" s="8"/>
      <c r="S1904" s="8"/>
    </row>
    <row r="1905" spans="1:19">
      <c r="A1905" s="6">
        <v>1906</v>
      </c>
      <c r="B1905" s="6">
        <v>117934</v>
      </c>
      <c r="C1905" s="6">
        <v>124240</v>
      </c>
      <c r="D1905" s="6">
        <f t="shared" si="58"/>
        <v>-6306</v>
      </c>
      <c r="E1905" s="7">
        <f t="shared" si="59"/>
        <v>-5.3470585242593315E-2</v>
      </c>
      <c r="H1905" s="8"/>
      <c r="S1905" s="8"/>
    </row>
    <row r="1906" spans="1:19">
      <c r="A1906" s="6">
        <v>1907</v>
      </c>
      <c r="B1906" s="6">
        <v>117713</v>
      </c>
      <c r="C1906" s="6">
        <v>123983</v>
      </c>
      <c r="D1906" s="6">
        <f t="shared" si="58"/>
        <v>-6270</v>
      </c>
      <c r="E1906" s="7">
        <f t="shared" si="59"/>
        <v>-5.3265144886291235E-2</v>
      </c>
      <c r="H1906" s="8"/>
      <c r="S1906" s="8"/>
    </row>
    <row r="1907" spans="1:19">
      <c r="A1907" s="6">
        <v>1908</v>
      </c>
      <c r="B1907" s="6">
        <v>117784</v>
      </c>
      <c r="C1907" s="6">
        <v>123594</v>
      </c>
      <c r="D1907" s="6">
        <f t="shared" si="58"/>
        <v>-5810</v>
      </c>
      <c r="E1907" s="7">
        <f t="shared" si="59"/>
        <v>-4.932758269374448E-2</v>
      </c>
      <c r="H1907" s="8"/>
      <c r="S1907" s="8"/>
    </row>
    <row r="1908" spans="1:19">
      <c r="A1908" s="6">
        <v>1909</v>
      </c>
      <c r="B1908" s="6">
        <v>117364</v>
      </c>
      <c r="C1908" s="6">
        <v>123208</v>
      </c>
      <c r="D1908" s="6">
        <f t="shared" si="58"/>
        <v>-5844</v>
      </c>
      <c r="E1908" s="7">
        <f t="shared" si="59"/>
        <v>-4.9793803892164548E-2</v>
      </c>
      <c r="H1908" s="8"/>
      <c r="S1908" s="8"/>
    </row>
    <row r="1909" spans="1:19">
      <c r="A1909" s="6">
        <v>1910</v>
      </c>
      <c r="B1909" s="6">
        <v>117493</v>
      </c>
      <c r="C1909" s="6">
        <v>123575</v>
      </c>
      <c r="D1909" s="6">
        <f t="shared" si="58"/>
        <v>-6082</v>
      </c>
      <c r="E1909" s="7">
        <f t="shared" si="59"/>
        <v>-5.1764785987250303E-2</v>
      </c>
      <c r="H1909" s="8"/>
      <c r="S1909" s="8"/>
    </row>
    <row r="1910" spans="1:19">
      <c r="A1910" s="6">
        <v>1911</v>
      </c>
      <c r="B1910" s="6">
        <v>117855</v>
      </c>
      <c r="C1910" s="6">
        <v>123577</v>
      </c>
      <c r="D1910" s="6">
        <f t="shared" si="58"/>
        <v>-5722</v>
      </c>
      <c r="E1910" s="7">
        <f t="shared" si="59"/>
        <v>-4.8551185779135378E-2</v>
      </c>
      <c r="H1910" s="8"/>
      <c r="S1910" s="8"/>
    </row>
    <row r="1911" spans="1:19">
      <c r="A1911" s="6">
        <v>1912</v>
      </c>
      <c r="B1911" s="6">
        <v>117718</v>
      </c>
      <c r="C1911" s="6">
        <v>125430</v>
      </c>
      <c r="D1911" s="6">
        <f t="shared" si="58"/>
        <v>-7712</v>
      </c>
      <c r="E1911" s="7">
        <f t="shared" si="59"/>
        <v>-6.5512495964933151E-2</v>
      </c>
      <c r="H1911" s="8"/>
      <c r="S1911" s="8"/>
    </row>
    <row r="1912" spans="1:19">
      <c r="A1912" s="6">
        <v>1913</v>
      </c>
      <c r="B1912" s="6">
        <v>117325</v>
      </c>
      <c r="C1912" s="6">
        <v>124816</v>
      </c>
      <c r="D1912" s="6">
        <f t="shared" si="58"/>
        <v>-7491</v>
      </c>
      <c r="E1912" s="7">
        <f t="shared" si="59"/>
        <v>-6.3848284679309614E-2</v>
      </c>
      <c r="H1912" s="8"/>
      <c r="S1912" s="8"/>
    </row>
    <row r="1913" spans="1:19">
      <c r="A1913" s="6">
        <v>1914</v>
      </c>
      <c r="B1913" s="6">
        <v>117312</v>
      </c>
      <c r="C1913" s="6">
        <v>124801</v>
      </c>
      <c r="D1913" s="6">
        <f t="shared" si="58"/>
        <v>-7489</v>
      </c>
      <c r="E1913" s="7">
        <f t="shared" si="59"/>
        <v>-6.3838311511183854E-2</v>
      </c>
      <c r="H1913" s="8"/>
      <c r="S1913" s="8"/>
    </row>
    <row r="1914" spans="1:19">
      <c r="A1914" s="6">
        <v>1915</v>
      </c>
      <c r="B1914" s="6">
        <v>117528</v>
      </c>
      <c r="C1914" s="6">
        <v>124861</v>
      </c>
      <c r="D1914" s="6">
        <f t="shared" si="58"/>
        <v>-7333</v>
      </c>
      <c r="E1914" s="7">
        <f t="shared" si="59"/>
        <v>-6.2393642366074469E-2</v>
      </c>
      <c r="H1914" s="8"/>
      <c r="S1914" s="8"/>
    </row>
    <row r="1915" spans="1:19">
      <c r="A1915" s="6">
        <v>1916</v>
      </c>
      <c r="B1915" s="6">
        <v>117360</v>
      </c>
      <c r="C1915" s="6">
        <v>124424</v>
      </c>
      <c r="D1915" s="6">
        <f t="shared" si="58"/>
        <v>-7064</v>
      </c>
      <c r="E1915" s="7">
        <f t="shared" si="59"/>
        <v>-6.0190865712338108E-2</v>
      </c>
      <c r="H1915" s="8"/>
      <c r="S1915" s="8"/>
    </row>
    <row r="1916" spans="1:19">
      <c r="A1916" s="6">
        <v>1917</v>
      </c>
      <c r="B1916" s="6">
        <v>117314</v>
      </c>
      <c r="C1916" s="6">
        <v>123962</v>
      </c>
      <c r="D1916" s="6">
        <f t="shared" si="58"/>
        <v>-6648</v>
      </c>
      <c r="E1916" s="7">
        <f t="shared" si="59"/>
        <v>-5.6668428320575552E-2</v>
      </c>
      <c r="H1916" s="8"/>
      <c r="S1916" s="8"/>
    </row>
    <row r="1917" spans="1:19">
      <c r="A1917" s="6">
        <v>1918</v>
      </c>
      <c r="B1917" s="6">
        <v>117331</v>
      </c>
      <c r="C1917" s="6">
        <v>124413</v>
      </c>
      <c r="D1917" s="6">
        <f t="shared" si="58"/>
        <v>-7082</v>
      </c>
      <c r="E1917" s="7">
        <f t="shared" si="59"/>
        <v>-6.0359154869557063E-2</v>
      </c>
      <c r="H1917" s="8"/>
      <c r="S1917" s="8"/>
    </row>
    <row r="1918" spans="1:19">
      <c r="A1918" s="6">
        <v>1919</v>
      </c>
      <c r="B1918" s="6">
        <v>117577</v>
      </c>
      <c r="C1918" s="6">
        <v>124397</v>
      </c>
      <c r="D1918" s="6">
        <f t="shared" si="58"/>
        <v>-6820</v>
      </c>
      <c r="E1918" s="7">
        <f t="shared" si="59"/>
        <v>-5.8004541704585078E-2</v>
      </c>
      <c r="H1918" s="8"/>
      <c r="S1918" s="8"/>
    </row>
    <row r="1919" spans="1:19">
      <c r="A1919" s="6">
        <v>1920</v>
      </c>
      <c r="B1919" s="6">
        <v>110687</v>
      </c>
      <c r="C1919" s="6">
        <v>110652</v>
      </c>
      <c r="D1919" s="6">
        <f t="shared" si="58"/>
        <v>35</v>
      </c>
      <c r="E1919" s="7">
        <f t="shared" si="59"/>
        <v>3.1620696197385423E-4</v>
      </c>
      <c r="H1919" s="8"/>
      <c r="S1919" s="8"/>
    </row>
    <row r="1920" spans="1:19">
      <c r="A1920" s="6">
        <v>1921</v>
      </c>
      <c r="B1920" s="6">
        <v>121895</v>
      </c>
      <c r="C1920" s="6">
        <v>120236</v>
      </c>
      <c r="D1920" s="6">
        <f t="shared" si="58"/>
        <v>1659</v>
      </c>
      <c r="E1920" s="7">
        <f t="shared" si="59"/>
        <v>1.3610074244226588E-2</v>
      </c>
      <c r="H1920" s="8"/>
      <c r="S1920" s="8"/>
    </row>
    <row r="1921" spans="1:19">
      <c r="A1921" s="6">
        <v>1922</v>
      </c>
      <c r="B1921" s="6">
        <v>121880</v>
      </c>
      <c r="C1921" s="6">
        <v>121373</v>
      </c>
      <c r="D1921" s="6">
        <f t="shared" si="58"/>
        <v>507</v>
      </c>
      <c r="E1921" s="7">
        <f t="shared" si="59"/>
        <v>4.1598293403347555E-3</v>
      </c>
      <c r="H1921" s="8"/>
      <c r="S1921" s="8"/>
    </row>
    <row r="1922" spans="1:19">
      <c r="A1922" s="6">
        <v>1923</v>
      </c>
      <c r="B1922" s="6">
        <v>121921</v>
      </c>
      <c r="C1922" s="6">
        <v>120238</v>
      </c>
      <c r="D1922" s="6">
        <f t="shared" si="58"/>
        <v>1683</v>
      </c>
      <c r="E1922" s="7">
        <f t="shared" si="59"/>
        <v>1.3804020636313679E-2</v>
      </c>
      <c r="H1922" s="8"/>
      <c r="S1922" s="8"/>
    </row>
    <row r="1923" spans="1:19">
      <c r="A1923" s="6">
        <v>1924</v>
      </c>
      <c r="B1923" s="6">
        <v>121783</v>
      </c>
      <c r="C1923" s="6">
        <v>119853</v>
      </c>
      <c r="D1923" s="6">
        <f t="shared" si="58"/>
        <v>1930</v>
      </c>
      <c r="E1923" s="7">
        <f t="shared" si="59"/>
        <v>1.5847860538827259E-2</v>
      </c>
      <c r="H1923" s="8"/>
      <c r="S1923" s="8"/>
    </row>
    <row r="1924" spans="1:19">
      <c r="A1924" s="6">
        <v>1925</v>
      </c>
      <c r="B1924" s="6">
        <v>121127</v>
      </c>
      <c r="C1924" s="6">
        <v>119410</v>
      </c>
      <c r="D1924" s="6">
        <f t="shared" ref="D1924:D1987" si="60">B1924-C1924</f>
        <v>1717</v>
      </c>
      <c r="E1924" s="7">
        <f t="shared" ref="E1924:E1987" si="61">D1924/B1924</f>
        <v>1.4175204537386379E-2</v>
      </c>
      <c r="H1924" s="8"/>
      <c r="S1924" s="8"/>
    </row>
    <row r="1925" spans="1:19">
      <c r="A1925" s="6">
        <v>1926</v>
      </c>
      <c r="B1925" s="6">
        <v>121722</v>
      </c>
      <c r="C1925" s="6">
        <v>119805</v>
      </c>
      <c r="D1925" s="6">
        <f t="shared" si="60"/>
        <v>1917</v>
      </c>
      <c r="E1925" s="7">
        <f t="shared" si="61"/>
        <v>1.5749001823828067E-2</v>
      </c>
      <c r="H1925" s="8"/>
      <c r="S1925" s="8"/>
    </row>
    <row r="1926" spans="1:19">
      <c r="A1926" s="6">
        <v>1927</v>
      </c>
      <c r="B1926" s="6">
        <v>121473</v>
      </c>
      <c r="C1926" s="6">
        <v>119809</v>
      </c>
      <c r="D1926" s="6">
        <f t="shared" si="60"/>
        <v>1664</v>
      </c>
      <c r="E1926" s="7">
        <f t="shared" si="61"/>
        <v>1.3698517365999028E-2</v>
      </c>
      <c r="H1926" s="8"/>
      <c r="S1926" s="8"/>
    </row>
    <row r="1927" spans="1:19">
      <c r="A1927" s="6">
        <v>1928</v>
      </c>
      <c r="B1927" s="6">
        <v>121487</v>
      </c>
      <c r="C1927" s="6">
        <v>121487</v>
      </c>
      <c r="D1927" s="6">
        <f t="shared" si="60"/>
        <v>0</v>
      </c>
      <c r="E1927" s="7">
        <f t="shared" si="61"/>
        <v>0</v>
      </c>
      <c r="H1927" s="8"/>
      <c r="S1927" s="8"/>
    </row>
    <row r="1928" spans="1:19">
      <c r="A1928" s="6">
        <v>1929</v>
      </c>
      <c r="B1928" s="6">
        <v>121116</v>
      </c>
      <c r="C1928" s="6">
        <v>121057</v>
      </c>
      <c r="D1928" s="6">
        <f t="shared" si="60"/>
        <v>59</v>
      </c>
      <c r="E1928" s="7">
        <f t="shared" si="61"/>
        <v>4.8713629908517453E-4</v>
      </c>
      <c r="H1928" s="8"/>
      <c r="S1928" s="8"/>
    </row>
    <row r="1929" spans="1:19">
      <c r="A1929" s="6">
        <v>1930</v>
      </c>
      <c r="B1929" s="6">
        <v>121045</v>
      </c>
      <c r="C1929" s="6">
        <v>121116</v>
      </c>
      <c r="D1929" s="6">
        <f t="shared" si="60"/>
        <v>-71</v>
      </c>
      <c r="E1929" s="7">
        <f t="shared" si="61"/>
        <v>-5.8655871783221114E-4</v>
      </c>
      <c r="H1929" s="8"/>
      <c r="S1929" s="8"/>
    </row>
    <row r="1930" spans="1:19">
      <c r="A1930" s="6">
        <v>1931</v>
      </c>
      <c r="B1930" s="6">
        <v>121064</v>
      </c>
      <c r="C1930" s="6">
        <v>121105</v>
      </c>
      <c r="D1930" s="6">
        <f t="shared" si="60"/>
        <v>-41</v>
      </c>
      <c r="E1930" s="7">
        <f t="shared" si="61"/>
        <v>-3.3866384722130446E-4</v>
      </c>
      <c r="H1930" s="8"/>
      <c r="S1930" s="8"/>
    </row>
    <row r="1931" spans="1:19">
      <c r="A1931" s="6">
        <v>1932</v>
      </c>
      <c r="B1931" s="6">
        <v>121060</v>
      </c>
      <c r="C1931" s="6">
        <v>120663</v>
      </c>
      <c r="D1931" s="6">
        <f t="shared" si="60"/>
        <v>397</v>
      </c>
      <c r="E1931" s="7">
        <f t="shared" si="61"/>
        <v>3.2793656038328104E-3</v>
      </c>
      <c r="H1931" s="8"/>
      <c r="S1931" s="8"/>
    </row>
    <row r="1932" spans="1:19">
      <c r="A1932" s="6">
        <v>1933</v>
      </c>
      <c r="B1932" s="6">
        <v>120715</v>
      </c>
      <c r="C1932" s="6">
        <v>120301</v>
      </c>
      <c r="D1932" s="6">
        <f t="shared" si="60"/>
        <v>414</v>
      </c>
      <c r="E1932" s="7">
        <f t="shared" si="61"/>
        <v>3.429565505529553E-3</v>
      </c>
      <c r="H1932" s="8"/>
      <c r="S1932" s="8"/>
    </row>
    <row r="1933" spans="1:19">
      <c r="A1933" s="6">
        <v>1934</v>
      </c>
      <c r="B1933" s="6">
        <v>120602</v>
      </c>
      <c r="C1933" s="6">
        <v>120631</v>
      </c>
      <c r="D1933" s="6">
        <f t="shared" si="60"/>
        <v>-29</v>
      </c>
      <c r="E1933" s="7">
        <f t="shared" si="61"/>
        <v>-2.4046035720800651E-4</v>
      </c>
      <c r="H1933" s="8"/>
      <c r="S1933" s="8"/>
    </row>
    <row r="1934" spans="1:19">
      <c r="A1934" s="6">
        <v>1935</v>
      </c>
      <c r="B1934" s="6">
        <v>120871</v>
      </c>
      <c r="C1934" s="6">
        <v>120654</v>
      </c>
      <c r="D1934" s="6">
        <f t="shared" si="60"/>
        <v>217</v>
      </c>
      <c r="E1934" s="7">
        <f t="shared" si="61"/>
        <v>1.7953024298632426E-3</v>
      </c>
      <c r="H1934" s="8"/>
      <c r="S1934" s="8"/>
    </row>
    <row r="1935" spans="1:19">
      <c r="A1935" s="6">
        <v>1936</v>
      </c>
      <c r="B1935" s="6">
        <v>121550</v>
      </c>
      <c r="C1935" s="6">
        <v>124464</v>
      </c>
      <c r="D1935" s="6">
        <f t="shared" si="60"/>
        <v>-2914</v>
      </c>
      <c r="E1935" s="7">
        <f t="shared" si="61"/>
        <v>-2.3973673385438092E-2</v>
      </c>
      <c r="H1935" s="8"/>
      <c r="S1935" s="8"/>
    </row>
    <row r="1936" spans="1:19">
      <c r="A1936" s="6">
        <v>1937</v>
      </c>
      <c r="B1936" s="6">
        <v>121048</v>
      </c>
      <c r="C1936" s="6">
        <v>124016</v>
      </c>
      <c r="D1936" s="6">
        <f t="shared" si="60"/>
        <v>-2968</v>
      </c>
      <c r="E1936" s="7">
        <f t="shared" si="61"/>
        <v>-2.4519198995439827E-2</v>
      </c>
      <c r="H1936" s="8"/>
      <c r="S1936" s="8"/>
    </row>
    <row r="1937" spans="1:19">
      <c r="A1937" s="6">
        <v>1938</v>
      </c>
      <c r="B1937" s="6">
        <v>121117</v>
      </c>
      <c r="C1937" s="6">
        <v>124044</v>
      </c>
      <c r="D1937" s="6">
        <f t="shared" si="60"/>
        <v>-2927</v>
      </c>
      <c r="E1937" s="7">
        <f t="shared" si="61"/>
        <v>-2.4166714829462421E-2</v>
      </c>
      <c r="H1937" s="8"/>
      <c r="S1937" s="8"/>
    </row>
    <row r="1938" spans="1:19">
      <c r="A1938" s="6">
        <v>1939</v>
      </c>
      <c r="B1938" s="6">
        <v>121066</v>
      </c>
      <c r="C1938" s="6">
        <v>124007</v>
      </c>
      <c r="D1938" s="6">
        <f t="shared" si="60"/>
        <v>-2941</v>
      </c>
      <c r="E1938" s="7">
        <f t="shared" si="61"/>
        <v>-2.4292534650521204E-2</v>
      </c>
      <c r="H1938" s="8"/>
      <c r="S1938" s="8"/>
    </row>
    <row r="1939" spans="1:19">
      <c r="A1939" s="6">
        <v>1940</v>
      </c>
      <c r="B1939" s="6">
        <v>121118</v>
      </c>
      <c r="C1939" s="6">
        <v>123582</v>
      </c>
      <c r="D1939" s="6">
        <f t="shared" si="60"/>
        <v>-2464</v>
      </c>
      <c r="E1939" s="7">
        <f t="shared" si="61"/>
        <v>-2.0343796958338149E-2</v>
      </c>
      <c r="H1939" s="8"/>
      <c r="S1939" s="8"/>
    </row>
    <row r="1940" spans="1:19">
      <c r="A1940" s="6">
        <v>1941</v>
      </c>
      <c r="B1940" s="6">
        <v>120664</v>
      </c>
      <c r="C1940" s="6">
        <v>123318</v>
      </c>
      <c r="D1940" s="6">
        <f t="shared" si="60"/>
        <v>-2654</v>
      </c>
      <c r="E1940" s="7">
        <f t="shared" si="61"/>
        <v>-2.1994961214612477E-2</v>
      </c>
      <c r="H1940" s="8"/>
      <c r="S1940" s="8"/>
    </row>
    <row r="1941" spans="1:19">
      <c r="A1941" s="6">
        <v>1942</v>
      </c>
      <c r="B1941" s="6">
        <v>120908</v>
      </c>
      <c r="C1941" s="6">
        <v>124794</v>
      </c>
      <c r="D1941" s="6">
        <f t="shared" si="60"/>
        <v>-3886</v>
      </c>
      <c r="E1941" s="7">
        <f t="shared" si="61"/>
        <v>-3.2140139610282198E-2</v>
      </c>
      <c r="H1941" s="8"/>
      <c r="S1941" s="8"/>
    </row>
    <row r="1942" spans="1:19">
      <c r="A1942" s="6">
        <v>1943</v>
      </c>
      <c r="B1942" s="6">
        <v>120709</v>
      </c>
      <c r="C1942" s="6">
        <v>123555</v>
      </c>
      <c r="D1942" s="6">
        <f t="shared" si="60"/>
        <v>-2846</v>
      </c>
      <c r="E1942" s="7">
        <f t="shared" si="61"/>
        <v>-2.3577363742554407E-2</v>
      </c>
      <c r="H1942" s="8"/>
      <c r="S1942" s="8"/>
    </row>
    <row r="1943" spans="1:19">
      <c r="A1943" s="6">
        <v>1944</v>
      </c>
      <c r="B1943" s="6">
        <v>120651</v>
      </c>
      <c r="C1943" s="6">
        <v>125237</v>
      </c>
      <c r="D1943" s="6">
        <f t="shared" si="60"/>
        <v>-4586</v>
      </c>
      <c r="E1943" s="7">
        <f t="shared" si="61"/>
        <v>-3.8010459921592028E-2</v>
      </c>
      <c r="H1943" s="8"/>
      <c r="S1943" s="8"/>
    </row>
    <row r="1944" spans="1:19">
      <c r="A1944" s="6">
        <v>1945</v>
      </c>
      <c r="B1944" s="6">
        <v>120308</v>
      </c>
      <c r="C1944" s="6">
        <v>124832</v>
      </c>
      <c r="D1944" s="6">
        <f t="shared" si="60"/>
        <v>-4524</v>
      </c>
      <c r="E1944" s="7">
        <f t="shared" si="61"/>
        <v>-3.76034843900655E-2</v>
      </c>
      <c r="H1944" s="8"/>
      <c r="S1944" s="8"/>
    </row>
    <row r="1945" spans="1:19">
      <c r="A1945" s="6">
        <v>1946</v>
      </c>
      <c r="B1945" s="6">
        <v>120271</v>
      </c>
      <c r="C1945" s="6">
        <v>124873</v>
      </c>
      <c r="D1945" s="6">
        <f t="shared" si="60"/>
        <v>-4602</v>
      </c>
      <c r="E1945" s="7">
        <f t="shared" si="61"/>
        <v>-3.8263588063622983E-2</v>
      </c>
      <c r="H1945" s="8"/>
      <c r="S1945" s="8"/>
    </row>
    <row r="1946" spans="1:19">
      <c r="A1946" s="6">
        <v>1947</v>
      </c>
      <c r="B1946" s="6">
        <v>120265</v>
      </c>
      <c r="C1946" s="6">
        <v>124823</v>
      </c>
      <c r="D1946" s="6">
        <f t="shared" si="60"/>
        <v>-4558</v>
      </c>
      <c r="E1946" s="7">
        <f t="shared" si="61"/>
        <v>-3.7899638298756914E-2</v>
      </c>
      <c r="H1946" s="8"/>
      <c r="S1946" s="8"/>
    </row>
    <row r="1947" spans="1:19">
      <c r="A1947" s="6">
        <v>1948</v>
      </c>
      <c r="B1947" s="6">
        <v>120658</v>
      </c>
      <c r="C1947" s="6">
        <v>125013</v>
      </c>
      <c r="D1947" s="6">
        <f t="shared" si="60"/>
        <v>-4355</v>
      </c>
      <c r="E1947" s="7">
        <f t="shared" si="61"/>
        <v>-3.6093752589965028E-2</v>
      </c>
      <c r="H1947" s="8"/>
      <c r="S1947" s="8"/>
    </row>
    <row r="1948" spans="1:19">
      <c r="A1948" s="6">
        <v>1949</v>
      </c>
      <c r="B1948" s="6">
        <v>120237</v>
      </c>
      <c r="C1948" s="6">
        <v>123999</v>
      </c>
      <c r="D1948" s="6">
        <f t="shared" si="60"/>
        <v>-3762</v>
      </c>
      <c r="E1948" s="7">
        <f t="shared" si="61"/>
        <v>-3.1288205793557726E-2</v>
      </c>
      <c r="H1948" s="8"/>
      <c r="S1948" s="8"/>
    </row>
    <row r="1949" spans="1:19">
      <c r="A1949" s="6">
        <v>1950</v>
      </c>
      <c r="B1949" s="6">
        <v>120430</v>
      </c>
      <c r="C1949" s="6">
        <v>124477</v>
      </c>
      <c r="D1949" s="6">
        <f t="shared" si="60"/>
        <v>-4047</v>
      </c>
      <c r="E1949" s="7">
        <f t="shared" si="61"/>
        <v>-3.3604583575521048E-2</v>
      </c>
      <c r="H1949" s="8"/>
      <c r="S1949" s="8"/>
    </row>
    <row r="1950" spans="1:19">
      <c r="A1950" s="6">
        <v>1951</v>
      </c>
      <c r="B1950" s="6">
        <v>120233</v>
      </c>
      <c r="C1950" s="6">
        <v>124418</v>
      </c>
      <c r="D1950" s="6">
        <f t="shared" si="60"/>
        <v>-4185</v>
      </c>
      <c r="E1950" s="7">
        <f t="shared" si="61"/>
        <v>-3.4807415601374E-2</v>
      </c>
      <c r="H1950" s="8"/>
      <c r="S1950" s="8"/>
    </row>
    <row r="1951" spans="1:19">
      <c r="A1951" s="6">
        <v>1952</v>
      </c>
      <c r="B1951" s="6">
        <v>121881</v>
      </c>
      <c r="C1951" s="6">
        <v>126071</v>
      </c>
      <c r="D1951" s="6">
        <f t="shared" si="60"/>
        <v>-4190</v>
      </c>
      <c r="E1951" s="7">
        <f t="shared" si="61"/>
        <v>-3.4377794734207955E-2</v>
      </c>
      <c r="H1951" s="8"/>
      <c r="S1951" s="8"/>
    </row>
    <row r="1952" spans="1:19">
      <c r="A1952" s="6">
        <v>1953</v>
      </c>
      <c r="B1952" s="6">
        <v>121548</v>
      </c>
      <c r="C1952" s="6">
        <v>125663</v>
      </c>
      <c r="D1952" s="6">
        <f t="shared" si="60"/>
        <v>-4115</v>
      </c>
      <c r="E1952" s="7">
        <f t="shared" si="61"/>
        <v>-3.385493796689374E-2</v>
      </c>
      <c r="H1952" s="8"/>
      <c r="S1952" s="8"/>
    </row>
    <row r="1953" spans="1:19">
      <c r="A1953" s="6">
        <v>1954</v>
      </c>
      <c r="B1953" s="6">
        <v>121471</v>
      </c>
      <c r="C1953" s="6">
        <v>125668</v>
      </c>
      <c r="D1953" s="6">
        <f t="shared" si="60"/>
        <v>-4197</v>
      </c>
      <c r="E1953" s="7">
        <f t="shared" si="61"/>
        <v>-3.4551456726296809E-2</v>
      </c>
      <c r="H1953" s="8"/>
      <c r="S1953" s="8"/>
    </row>
    <row r="1954" spans="1:19">
      <c r="A1954" s="6">
        <v>1955</v>
      </c>
      <c r="B1954" s="6">
        <v>121472</v>
      </c>
      <c r="C1954" s="6">
        <v>125693</v>
      </c>
      <c r="D1954" s="6">
        <f t="shared" si="60"/>
        <v>-4221</v>
      </c>
      <c r="E1954" s="7">
        <f t="shared" si="61"/>
        <v>-3.4748748682824022E-2</v>
      </c>
      <c r="H1954" s="8"/>
      <c r="S1954" s="8"/>
    </row>
    <row r="1955" spans="1:19">
      <c r="A1955" s="6">
        <v>1956</v>
      </c>
      <c r="B1955" s="6">
        <v>121273</v>
      </c>
      <c r="C1955" s="6">
        <v>125281</v>
      </c>
      <c r="D1955" s="6">
        <f t="shared" si="60"/>
        <v>-4008</v>
      </c>
      <c r="E1955" s="7">
        <f t="shared" si="61"/>
        <v>-3.3049400938378701E-2</v>
      </c>
      <c r="H1955" s="8"/>
      <c r="S1955" s="8"/>
    </row>
    <row r="1956" spans="1:19">
      <c r="A1956" s="6">
        <v>1957</v>
      </c>
      <c r="B1956" s="6">
        <v>120686</v>
      </c>
      <c r="C1956" s="6">
        <v>124866</v>
      </c>
      <c r="D1956" s="6">
        <f t="shared" si="60"/>
        <v>-4180</v>
      </c>
      <c r="E1956" s="7">
        <f t="shared" si="61"/>
        <v>-3.4635334670135721E-2</v>
      </c>
      <c r="H1956" s="8"/>
      <c r="S1956" s="8"/>
    </row>
    <row r="1957" spans="1:19">
      <c r="A1957" s="6">
        <v>1958</v>
      </c>
      <c r="B1957" s="6">
        <v>121723</v>
      </c>
      <c r="C1957" s="6">
        <v>125275</v>
      </c>
      <c r="D1957" s="6">
        <f t="shared" si="60"/>
        <v>-3552</v>
      </c>
      <c r="E1957" s="7">
        <f t="shared" si="61"/>
        <v>-2.9181009340880523E-2</v>
      </c>
      <c r="H1957" s="8"/>
      <c r="S1957" s="8"/>
    </row>
    <row r="1958" spans="1:19">
      <c r="A1958" s="6">
        <v>1959</v>
      </c>
      <c r="B1958" s="6">
        <v>121071</v>
      </c>
      <c r="C1958" s="6">
        <v>125233</v>
      </c>
      <c r="D1958" s="6">
        <f t="shared" si="60"/>
        <v>-4162</v>
      </c>
      <c r="E1958" s="7">
        <f t="shared" si="61"/>
        <v>-3.4376522866747611E-2</v>
      </c>
      <c r="H1958" s="8"/>
      <c r="S1958" s="8"/>
    </row>
    <row r="1959" spans="1:19">
      <c r="A1959" s="6">
        <v>1960</v>
      </c>
      <c r="B1959" s="6">
        <v>121224</v>
      </c>
      <c r="C1959" s="6">
        <v>126915</v>
      </c>
      <c r="D1959" s="6">
        <f t="shared" si="60"/>
        <v>-5691</v>
      </c>
      <c r="E1959" s="7">
        <f t="shared" si="61"/>
        <v>-4.694614927737082E-2</v>
      </c>
      <c r="H1959" s="8"/>
      <c r="S1959" s="8"/>
    </row>
    <row r="1960" spans="1:19">
      <c r="A1960" s="6">
        <v>1961</v>
      </c>
      <c r="B1960" s="6">
        <v>120717</v>
      </c>
      <c r="C1960" s="6">
        <v>126491</v>
      </c>
      <c r="D1960" s="6">
        <f t="shared" si="60"/>
        <v>-5774</v>
      </c>
      <c r="E1960" s="7">
        <f t="shared" si="61"/>
        <v>-4.7830877175542796E-2</v>
      </c>
      <c r="H1960" s="8"/>
      <c r="S1960" s="8"/>
    </row>
    <row r="1961" spans="1:19">
      <c r="A1961" s="6">
        <v>1962</v>
      </c>
      <c r="B1961" s="6">
        <v>120635</v>
      </c>
      <c r="C1961" s="6">
        <v>126774</v>
      </c>
      <c r="D1961" s="6">
        <f t="shared" si="60"/>
        <v>-6139</v>
      </c>
      <c r="E1961" s="7">
        <f t="shared" si="61"/>
        <v>-5.0889045467733242E-2</v>
      </c>
      <c r="H1961" s="8"/>
      <c r="S1961" s="8"/>
    </row>
    <row r="1962" spans="1:19">
      <c r="A1962" s="6">
        <v>1963</v>
      </c>
      <c r="B1962" s="6">
        <v>120684</v>
      </c>
      <c r="C1962" s="6">
        <v>126548</v>
      </c>
      <c r="D1962" s="6">
        <f t="shared" si="60"/>
        <v>-5864</v>
      </c>
      <c r="E1962" s="7">
        <f t="shared" si="61"/>
        <v>-4.8589705346193363E-2</v>
      </c>
      <c r="H1962" s="8"/>
      <c r="S1962" s="8"/>
    </row>
    <row r="1963" spans="1:19">
      <c r="A1963" s="6">
        <v>1964</v>
      </c>
      <c r="B1963" s="6">
        <v>120644</v>
      </c>
      <c r="C1963" s="6">
        <v>126074</v>
      </c>
      <c r="D1963" s="6">
        <f t="shared" si="60"/>
        <v>-5430</v>
      </c>
      <c r="E1963" s="7">
        <f t="shared" si="61"/>
        <v>-4.5008454626835982E-2</v>
      </c>
      <c r="H1963" s="8"/>
      <c r="S1963" s="8"/>
    </row>
    <row r="1964" spans="1:19">
      <c r="A1964" s="6">
        <v>1965</v>
      </c>
      <c r="B1964" s="6">
        <v>120304</v>
      </c>
      <c r="C1964" s="6">
        <v>125654</v>
      </c>
      <c r="D1964" s="6">
        <f t="shared" si="60"/>
        <v>-5350</v>
      </c>
      <c r="E1964" s="7">
        <f t="shared" si="61"/>
        <v>-4.4470674291794118E-2</v>
      </c>
      <c r="H1964" s="8"/>
      <c r="S1964" s="8"/>
    </row>
    <row r="1965" spans="1:19">
      <c r="A1965" s="6">
        <v>1966</v>
      </c>
      <c r="B1965" s="6">
        <v>120462</v>
      </c>
      <c r="C1965" s="6">
        <v>126594</v>
      </c>
      <c r="D1965" s="6">
        <f t="shared" si="60"/>
        <v>-6132</v>
      </c>
      <c r="E1965" s="7">
        <f t="shared" si="61"/>
        <v>-5.0904019524829404E-2</v>
      </c>
      <c r="H1965" s="8"/>
      <c r="S1965" s="8"/>
    </row>
    <row r="1966" spans="1:19">
      <c r="A1966" s="6">
        <v>1967</v>
      </c>
      <c r="B1966" s="6">
        <v>120211</v>
      </c>
      <c r="C1966" s="6">
        <v>126070</v>
      </c>
      <c r="D1966" s="6">
        <f t="shared" si="60"/>
        <v>-5859</v>
      </c>
      <c r="E1966" s="7">
        <f t="shared" si="61"/>
        <v>-4.8739300064054039E-2</v>
      </c>
      <c r="H1966" s="8"/>
      <c r="S1966" s="8"/>
    </row>
    <row r="1967" spans="1:19">
      <c r="A1967" s="6">
        <v>1968</v>
      </c>
      <c r="B1967" s="6">
        <v>121495</v>
      </c>
      <c r="C1967" s="6">
        <v>127876</v>
      </c>
      <c r="D1967" s="6">
        <f t="shared" si="60"/>
        <v>-6381</v>
      </c>
      <c r="E1967" s="7">
        <f t="shared" si="61"/>
        <v>-5.2520679863368863E-2</v>
      </c>
      <c r="H1967" s="8"/>
      <c r="S1967" s="8"/>
    </row>
    <row r="1968" spans="1:19">
      <c r="A1968" s="6">
        <v>1969</v>
      </c>
      <c r="B1968" s="6">
        <v>121730</v>
      </c>
      <c r="C1968" s="6">
        <v>127311</v>
      </c>
      <c r="D1968" s="6">
        <f t="shared" si="60"/>
        <v>-5581</v>
      </c>
      <c r="E1968" s="7">
        <f t="shared" si="61"/>
        <v>-4.5847367123962868E-2</v>
      </c>
      <c r="H1968" s="8"/>
      <c r="S1968" s="8"/>
    </row>
    <row r="1969" spans="1:19">
      <c r="A1969" s="6">
        <v>1970</v>
      </c>
      <c r="B1969" s="6">
        <v>121272</v>
      </c>
      <c r="C1969" s="6">
        <v>127319</v>
      </c>
      <c r="D1969" s="6">
        <f t="shared" si="60"/>
        <v>-6047</v>
      </c>
      <c r="E1969" s="7">
        <f t="shared" si="61"/>
        <v>-4.9863117619895772E-2</v>
      </c>
      <c r="H1969" s="8"/>
      <c r="S1969" s="8"/>
    </row>
    <row r="1970" spans="1:19">
      <c r="A1970" s="6">
        <v>1971</v>
      </c>
      <c r="B1970" s="6">
        <v>121106</v>
      </c>
      <c r="C1970" s="6">
        <v>127315</v>
      </c>
      <c r="D1970" s="6">
        <f t="shared" si="60"/>
        <v>-6209</v>
      </c>
      <c r="E1970" s="7">
        <f t="shared" si="61"/>
        <v>-5.1269136128680663E-2</v>
      </c>
      <c r="H1970" s="8"/>
      <c r="S1970" s="8"/>
    </row>
    <row r="1971" spans="1:19">
      <c r="A1971" s="6">
        <v>1972</v>
      </c>
      <c r="B1971" s="6">
        <v>121114</v>
      </c>
      <c r="C1971" s="6">
        <v>126894</v>
      </c>
      <c r="D1971" s="6">
        <f t="shared" si="60"/>
        <v>-5780</v>
      </c>
      <c r="E1971" s="7">
        <f t="shared" si="61"/>
        <v>-4.7723632280330927E-2</v>
      </c>
      <c r="H1971" s="8"/>
      <c r="S1971" s="8"/>
    </row>
    <row r="1972" spans="1:19">
      <c r="A1972" s="6">
        <v>1973</v>
      </c>
      <c r="B1972" s="6">
        <v>120726</v>
      </c>
      <c r="C1972" s="6">
        <v>126523</v>
      </c>
      <c r="D1972" s="6">
        <f t="shared" si="60"/>
        <v>-5797</v>
      </c>
      <c r="E1972" s="7">
        <f t="shared" si="61"/>
        <v>-4.801782548912413E-2</v>
      </c>
      <c r="H1972" s="8"/>
      <c r="S1972" s="8"/>
    </row>
    <row r="1973" spans="1:19">
      <c r="A1973" s="6">
        <v>1974</v>
      </c>
      <c r="B1973" s="6">
        <v>120688</v>
      </c>
      <c r="C1973" s="6">
        <v>126908</v>
      </c>
      <c r="D1973" s="6">
        <f t="shared" si="60"/>
        <v>-6220</v>
      </c>
      <c r="E1973" s="7">
        <f t="shared" si="61"/>
        <v>-5.1537849661938223E-2</v>
      </c>
      <c r="H1973" s="8"/>
      <c r="S1973" s="8"/>
    </row>
    <row r="1974" spans="1:19">
      <c r="A1974" s="6">
        <v>1975</v>
      </c>
      <c r="B1974" s="6">
        <v>120665</v>
      </c>
      <c r="C1974" s="6">
        <v>127037</v>
      </c>
      <c r="D1974" s="6">
        <f t="shared" si="60"/>
        <v>-6372</v>
      </c>
      <c r="E1974" s="7">
        <f t="shared" si="61"/>
        <v>-5.2807359217668749E-2</v>
      </c>
      <c r="H1974" s="8"/>
      <c r="S1974" s="8"/>
    </row>
    <row r="1975" spans="1:19">
      <c r="A1975" s="6">
        <v>1976</v>
      </c>
      <c r="B1975" s="6">
        <v>121067</v>
      </c>
      <c r="C1975" s="6">
        <v>128591</v>
      </c>
      <c r="D1975" s="6">
        <f t="shared" si="60"/>
        <v>-7524</v>
      </c>
      <c r="E1975" s="7">
        <f t="shared" si="61"/>
        <v>-6.2147405981811725E-2</v>
      </c>
      <c r="H1975" s="8"/>
      <c r="S1975" s="8"/>
    </row>
    <row r="1976" spans="1:19">
      <c r="A1976" s="6">
        <v>1977</v>
      </c>
      <c r="B1976" s="6">
        <v>120638</v>
      </c>
      <c r="C1976" s="6">
        <v>128254</v>
      </c>
      <c r="D1976" s="6">
        <f t="shared" si="60"/>
        <v>-7616</v>
      </c>
      <c r="E1976" s="7">
        <f t="shared" si="61"/>
        <v>-6.3131020076592784E-2</v>
      </c>
      <c r="H1976" s="8"/>
      <c r="S1976" s="8"/>
    </row>
    <row r="1977" spans="1:19">
      <c r="A1977" s="6">
        <v>1978</v>
      </c>
      <c r="B1977" s="6">
        <v>120763</v>
      </c>
      <c r="C1977" s="6">
        <v>128238</v>
      </c>
      <c r="D1977" s="6">
        <f t="shared" si="60"/>
        <v>-7475</v>
      </c>
      <c r="E1977" s="7">
        <f t="shared" si="61"/>
        <v>-6.1898097927345297E-2</v>
      </c>
      <c r="H1977" s="8"/>
      <c r="S1977" s="8"/>
    </row>
    <row r="1978" spans="1:19">
      <c r="A1978" s="6">
        <v>1979</v>
      </c>
      <c r="B1978" s="6">
        <v>120630</v>
      </c>
      <c r="C1978" s="6">
        <v>128454</v>
      </c>
      <c r="D1978" s="6">
        <f t="shared" si="60"/>
        <v>-7824</v>
      </c>
      <c r="E1978" s="7">
        <f t="shared" si="61"/>
        <v>-6.4859487689629444E-2</v>
      </c>
      <c r="H1978" s="8"/>
      <c r="S1978" s="8"/>
    </row>
    <row r="1979" spans="1:19">
      <c r="A1979" s="6">
        <v>1980</v>
      </c>
      <c r="B1979" s="6">
        <v>120649</v>
      </c>
      <c r="C1979" s="6">
        <v>127743</v>
      </c>
      <c r="D1979" s="6">
        <f t="shared" si="60"/>
        <v>-7094</v>
      </c>
      <c r="E1979" s="7">
        <f t="shared" si="61"/>
        <v>-5.8798663892779879E-2</v>
      </c>
      <c r="H1979" s="8"/>
      <c r="S1979" s="8"/>
    </row>
    <row r="1980" spans="1:19">
      <c r="A1980" s="6">
        <v>1981</v>
      </c>
      <c r="B1980" s="6">
        <v>120655</v>
      </c>
      <c r="C1980" s="6">
        <v>127311</v>
      </c>
      <c r="D1980" s="6">
        <f t="shared" si="60"/>
        <v>-6656</v>
      </c>
      <c r="E1980" s="7">
        <f t="shared" si="61"/>
        <v>-5.5165554680701175E-2</v>
      </c>
      <c r="H1980" s="8"/>
      <c r="S1980" s="8"/>
    </row>
    <row r="1981" spans="1:19">
      <c r="A1981" s="6">
        <v>1982</v>
      </c>
      <c r="B1981" s="6">
        <v>120852</v>
      </c>
      <c r="C1981" s="6">
        <v>127839</v>
      </c>
      <c r="D1981" s="6">
        <f t="shared" si="60"/>
        <v>-6987</v>
      </c>
      <c r="E1981" s="7">
        <f t="shared" si="61"/>
        <v>-5.7814516929798429E-2</v>
      </c>
      <c r="H1981" s="8"/>
      <c r="S1981" s="8"/>
    </row>
    <row r="1982" spans="1:19">
      <c r="A1982" s="6">
        <v>1983</v>
      </c>
      <c r="B1982" s="6">
        <v>120686</v>
      </c>
      <c r="C1982" s="6">
        <v>127741</v>
      </c>
      <c r="D1982" s="6">
        <f t="shared" si="60"/>
        <v>-7055</v>
      </c>
      <c r="E1982" s="7">
        <f t="shared" si="61"/>
        <v>-5.8457484712394148E-2</v>
      </c>
      <c r="H1982" s="8"/>
      <c r="S1982" s="8"/>
    </row>
    <row r="1983" spans="1:19">
      <c r="A1983" s="6">
        <v>1984</v>
      </c>
      <c r="B1983" s="6">
        <v>113953</v>
      </c>
      <c r="C1983" s="6">
        <v>113980</v>
      </c>
      <c r="D1983" s="6">
        <f t="shared" si="60"/>
        <v>-27</v>
      </c>
      <c r="E1983" s="7">
        <f t="shared" si="61"/>
        <v>-2.3693979096645108E-4</v>
      </c>
      <c r="H1983" s="8"/>
      <c r="S1983" s="8"/>
    </row>
    <row r="1984" spans="1:19">
      <c r="A1984" s="6">
        <v>1985</v>
      </c>
      <c r="B1984" s="6">
        <v>125251</v>
      </c>
      <c r="C1984" s="6">
        <v>123558</v>
      </c>
      <c r="D1984" s="6">
        <f t="shared" si="60"/>
        <v>1693</v>
      </c>
      <c r="E1984" s="7">
        <f t="shared" si="61"/>
        <v>1.3516858148837135E-2</v>
      </c>
      <c r="H1984" s="8"/>
      <c r="S1984" s="8"/>
    </row>
    <row r="1985" spans="1:19">
      <c r="A1985" s="6">
        <v>1986</v>
      </c>
      <c r="B1985" s="6">
        <v>125435</v>
      </c>
      <c r="C1985" s="6">
        <v>123567</v>
      </c>
      <c r="D1985" s="6">
        <f t="shared" si="60"/>
        <v>1868</v>
      </c>
      <c r="E1985" s="7">
        <f t="shared" si="61"/>
        <v>1.4892175230198907E-2</v>
      </c>
      <c r="H1985" s="8"/>
      <c r="S1985" s="8"/>
    </row>
    <row r="1986" spans="1:19">
      <c r="A1986" s="6">
        <v>1987</v>
      </c>
      <c r="B1986" s="6">
        <v>125457</v>
      </c>
      <c r="C1986" s="6">
        <v>123767</v>
      </c>
      <c r="D1986" s="6">
        <f t="shared" si="60"/>
        <v>1690</v>
      </c>
      <c r="E1986" s="7">
        <f t="shared" si="61"/>
        <v>1.3470750934583164E-2</v>
      </c>
      <c r="H1986" s="8"/>
      <c r="S1986" s="8"/>
    </row>
    <row r="1987" spans="1:19">
      <c r="A1987" s="6">
        <v>1988</v>
      </c>
      <c r="B1987" s="6">
        <v>124875</v>
      </c>
      <c r="C1987" s="6">
        <v>123197</v>
      </c>
      <c r="D1987" s="6">
        <f t="shared" si="60"/>
        <v>1678</v>
      </c>
      <c r="E1987" s="7">
        <f t="shared" si="61"/>
        <v>1.3437437437437437E-2</v>
      </c>
      <c r="H1987" s="8"/>
      <c r="S1987" s="8"/>
    </row>
    <row r="1988" spans="1:19">
      <c r="A1988" s="6">
        <v>1989</v>
      </c>
      <c r="B1988" s="6">
        <v>124434</v>
      </c>
      <c r="C1988" s="6">
        <v>122738</v>
      </c>
      <c r="D1988" s="6">
        <f t="shared" ref="D1988:D2047" si="62">B1988-C1988</f>
        <v>1696</v>
      </c>
      <c r="E1988" s="7">
        <f t="shared" ref="E1988:E2047" si="63">D1988/B1988</f>
        <v>1.3629715351109826E-2</v>
      </c>
      <c r="H1988" s="8"/>
      <c r="S1988" s="8"/>
    </row>
    <row r="1989" spans="1:19">
      <c r="A1989" s="6">
        <v>1990</v>
      </c>
      <c r="B1989" s="6">
        <v>125447</v>
      </c>
      <c r="C1989" s="6">
        <v>123153</v>
      </c>
      <c r="D1989" s="6">
        <f t="shared" si="62"/>
        <v>2294</v>
      </c>
      <c r="E1989" s="7">
        <f t="shared" si="63"/>
        <v>1.8286607093035305E-2</v>
      </c>
      <c r="H1989" s="8"/>
      <c r="S1989" s="8"/>
    </row>
    <row r="1990" spans="1:19">
      <c r="A1990" s="6">
        <v>1991</v>
      </c>
      <c r="B1990" s="6">
        <v>124831</v>
      </c>
      <c r="C1990" s="6">
        <v>123160</v>
      </c>
      <c r="D1990" s="6">
        <f t="shared" si="62"/>
        <v>1671</v>
      </c>
      <c r="E1990" s="7">
        <f t="shared" si="63"/>
        <v>1.3386098004502087E-2</v>
      </c>
      <c r="H1990" s="8"/>
      <c r="S1990" s="8"/>
    </row>
    <row r="1991" spans="1:19">
      <c r="A1991" s="6">
        <v>1992</v>
      </c>
      <c r="B1991" s="6">
        <v>124829</v>
      </c>
      <c r="C1991" s="6">
        <v>124817</v>
      </c>
      <c r="D1991" s="6">
        <f t="shared" si="62"/>
        <v>12</v>
      </c>
      <c r="E1991" s="7">
        <f t="shared" si="63"/>
        <v>9.6131507902811041E-5</v>
      </c>
      <c r="H1991" s="8"/>
      <c r="S1991" s="8"/>
    </row>
    <row r="1992" spans="1:19">
      <c r="A1992" s="6">
        <v>1993</v>
      </c>
      <c r="B1992" s="6">
        <v>124435</v>
      </c>
      <c r="C1992" s="6">
        <v>124403</v>
      </c>
      <c r="D1992" s="6">
        <f t="shared" si="62"/>
        <v>32</v>
      </c>
      <c r="E1992" s="7">
        <f t="shared" si="63"/>
        <v>2.5716237393016435E-4</v>
      </c>
      <c r="H1992" s="8"/>
      <c r="S1992" s="8"/>
    </row>
    <row r="1993" spans="1:19">
      <c r="A1993" s="6">
        <v>1994</v>
      </c>
      <c r="B1993" s="6">
        <v>124390</v>
      </c>
      <c r="C1993" s="6">
        <v>124384</v>
      </c>
      <c r="D1993" s="6">
        <f t="shared" si="62"/>
        <v>6</v>
      </c>
      <c r="E1993" s="7">
        <f t="shared" si="63"/>
        <v>4.8235388696840585E-5</v>
      </c>
      <c r="H1993" s="8"/>
      <c r="S1993" s="8"/>
    </row>
    <row r="1994" spans="1:19">
      <c r="A1994" s="6">
        <v>1995</v>
      </c>
      <c r="B1994" s="6">
        <v>124398</v>
      </c>
      <c r="C1994" s="6">
        <v>124400</v>
      </c>
      <c r="D1994" s="6">
        <f t="shared" si="62"/>
        <v>-2</v>
      </c>
      <c r="E1994" s="7">
        <f t="shared" si="63"/>
        <v>-1.60774288975707E-5</v>
      </c>
      <c r="H1994" s="8"/>
      <c r="S1994" s="8"/>
    </row>
    <row r="1995" spans="1:19">
      <c r="A1995" s="6">
        <v>1996</v>
      </c>
      <c r="B1995" s="6">
        <v>124462</v>
      </c>
      <c r="C1995" s="6">
        <v>124000</v>
      </c>
      <c r="D1995" s="6">
        <f t="shared" si="62"/>
        <v>462</v>
      </c>
      <c r="E1995" s="7">
        <f t="shared" si="63"/>
        <v>3.7119763461940188E-3</v>
      </c>
      <c r="H1995" s="8"/>
      <c r="S1995" s="8"/>
    </row>
    <row r="1996" spans="1:19">
      <c r="A1996" s="6">
        <v>1997</v>
      </c>
      <c r="B1996" s="6">
        <v>124038</v>
      </c>
      <c r="C1996" s="6">
        <v>123557</v>
      </c>
      <c r="D1996" s="6">
        <f t="shared" si="62"/>
        <v>481</v>
      </c>
      <c r="E1996" s="7">
        <f t="shared" si="63"/>
        <v>3.8778438865508958E-3</v>
      </c>
      <c r="H1996" s="8"/>
      <c r="S1996" s="8"/>
    </row>
    <row r="1997" spans="1:19">
      <c r="A1997" s="6">
        <v>1998</v>
      </c>
      <c r="B1997" s="6">
        <v>123979</v>
      </c>
      <c r="C1997" s="6">
        <v>123982</v>
      </c>
      <c r="D1997" s="6">
        <f t="shared" si="62"/>
        <v>-3</v>
      </c>
      <c r="E1997" s="7">
        <f t="shared" si="63"/>
        <v>-2.4197646375595869E-5</v>
      </c>
      <c r="H1997" s="8"/>
      <c r="S1997" s="8"/>
    </row>
    <row r="1998" spans="1:19">
      <c r="A1998" s="6">
        <v>1999</v>
      </c>
      <c r="B1998" s="6">
        <v>123971</v>
      </c>
      <c r="C1998" s="6">
        <v>124017</v>
      </c>
      <c r="D1998" s="6">
        <f t="shared" si="62"/>
        <v>-46</v>
      </c>
      <c r="E1998" s="7">
        <f t="shared" si="63"/>
        <v>-3.71054520815352E-4</v>
      </c>
      <c r="H1998" s="8"/>
      <c r="S1998" s="8"/>
    </row>
    <row r="1999" spans="1:19">
      <c r="A1999" s="6">
        <v>2000</v>
      </c>
      <c r="B1999" s="6">
        <v>124826</v>
      </c>
      <c r="C1999" s="6">
        <v>127731</v>
      </c>
      <c r="D1999" s="6">
        <f t="shared" si="62"/>
        <v>-2905</v>
      </c>
      <c r="E1999" s="7">
        <f t="shared" si="63"/>
        <v>-2.3272395174082323E-2</v>
      </c>
      <c r="H1999" s="8"/>
      <c r="S1999" s="8"/>
    </row>
    <row r="2000" spans="1:19">
      <c r="A2000" s="6">
        <v>2001</v>
      </c>
      <c r="B2000" s="6">
        <v>124412</v>
      </c>
      <c r="C2000" s="6">
        <v>127391</v>
      </c>
      <c r="D2000" s="6">
        <f t="shared" si="62"/>
        <v>-2979</v>
      </c>
      <c r="E2000" s="7">
        <f t="shared" si="63"/>
        <v>-2.3944635565701058E-2</v>
      </c>
      <c r="H2000" s="8"/>
      <c r="S2000" s="8"/>
    </row>
    <row r="2001" spans="1:19">
      <c r="A2001" s="6">
        <v>2002</v>
      </c>
      <c r="B2001" s="6">
        <v>124398</v>
      </c>
      <c r="C2001" s="6">
        <v>127456</v>
      </c>
      <c r="D2001" s="6">
        <f t="shared" si="62"/>
        <v>-3058</v>
      </c>
      <c r="E2001" s="7">
        <f t="shared" si="63"/>
        <v>-2.4582388784385602E-2</v>
      </c>
      <c r="H2001" s="8"/>
      <c r="S2001" s="8"/>
    </row>
    <row r="2002" spans="1:19">
      <c r="A2002" s="6">
        <v>2003</v>
      </c>
      <c r="B2002" s="6">
        <v>124380</v>
      </c>
      <c r="C2002" s="6">
        <v>127344</v>
      </c>
      <c r="D2002" s="6">
        <f t="shared" si="62"/>
        <v>-2964</v>
      </c>
      <c r="E2002" s="7">
        <f t="shared" si="63"/>
        <v>-2.3830197780993729E-2</v>
      </c>
      <c r="H2002" s="8"/>
      <c r="S2002" s="8"/>
    </row>
    <row r="2003" spans="1:19">
      <c r="A2003" s="6">
        <v>2004</v>
      </c>
      <c r="B2003" s="6">
        <v>124402</v>
      </c>
      <c r="C2003" s="6">
        <v>126891</v>
      </c>
      <c r="D2003" s="6">
        <f t="shared" si="62"/>
        <v>-2489</v>
      </c>
      <c r="E2003" s="7">
        <f t="shared" si="63"/>
        <v>-2.0007716917734442E-2</v>
      </c>
      <c r="H2003" s="8"/>
      <c r="S2003" s="8"/>
    </row>
    <row r="2004" spans="1:19">
      <c r="A2004" s="6">
        <v>2005</v>
      </c>
      <c r="B2004" s="6">
        <v>124173</v>
      </c>
      <c r="C2004" s="6">
        <v>126526</v>
      </c>
      <c r="D2004" s="6">
        <f t="shared" si="62"/>
        <v>-2353</v>
      </c>
      <c r="E2004" s="7">
        <f t="shared" si="63"/>
        <v>-1.8949369025472527E-2</v>
      </c>
      <c r="H2004" s="8"/>
      <c r="S2004" s="8"/>
    </row>
    <row r="2005" spans="1:19">
      <c r="A2005" s="6">
        <v>2006</v>
      </c>
      <c r="B2005" s="6">
        <v>123978</v>
      </c>
      <c r="C2005" s="6">
        <v>126910</v>
      </c>
      <c r="D2005" s="6">
        <f t="shared" si="62"/>
        <v>-2932</v>
      </c>
      <c r="E2005" s="7">
        <f t="shared" si="63"/>
        <v>-2.3649357144009422E-2</v>
      </c>
      <c r="H2005" s="8"/>
      <c r="S2005" s="8"/>
    </row>
    <row r="2006" spans="1:19">
      <c r="A2006" s="6">
        <v>2007</v>
      </c>
      <c r="B2006" s="6">
        <v>123975</v>
      </c>
      <c r="C2006" s="6">
        <v>126913</v>
      </c>
      <c r="D2006" s="6">
        <f t="shared" si="62"/>
        <v>-2938</v>
      </c>
      <c r="E2006" s="7">
        <f t="shared" si="63"/>
        <v>-2.3698326275458762E-2</v>
      </c>
      <c r="H2006" s="8"/>
      <c r="S2006" s="8"/>
    </row>
    <row r="2007" spans="1:19">
      <c r="A2007" s="6">
        <v>2008</v>
      </c>
      <c r="B2007" s="6">
        <v>123985</v>
      </c>
      <c r="C2007" s="6">
        <v>128584</v>
      </c>
      <c r="D2007" s="6">
        <f t="shared" si="62"/>
        <v>-4599</v>
      </c>
      <c r="E2007" s="7">
        <f t="shared" si="63"/>
        <v>-3.7093196757672302E-2</v>
      </c>
      <c r="H2007" s="8"/>
      <c r="S2007" s="8"/>
    </row>
    <row r="2008" spans="1:19">
      <c r="A2008" s="6">
        <v>2009</v>
      </c>
      <c r="B2008" s="6">
        <v>123615</v>
      </c>
      <c r="C2008" s="6">
        <v>128186</v>
      </c>
      <c r="D2008" s="6">
        <f t="shared" si="62"/>
        <v>-4571</v>
      </c>
      <c r="E2008" s="7">
        <f t="shared" si="63"/>
        <v>-3.6977713060712694E-2</v>
      </c>
      <c r="H2008" s="8"/>
      <c r="S2008" s="8"/>
    </row>
    <row r="2009" spans="1:19">
      <c r="A2009" s="6">
        <v>2010</v>
      </c>
      <c r="B2009" s="6">
        <v>123566</v>
      </c>
      <c r="C2009" s="6">
        <v>128180</v>
      </c>
      <c r="D2009" s="6">
        <f t="shared" si="62"/>
        <v>-4614</v>
      </c>
      <c r="E2009" s="7">
        <f t="shared" si="63"/>
        <v>-3.7340368709839276E-2</v>
      </c>
      <c r="H2009" s="8"/>
      <c r="S2009" s="8"/>
    </row>
    <row r="2010" spans="1:19">
      <c r="A2010" s="6">
        <v>2011</v>
      </c>
      <c r="B2010" s="6">
        <v>123545</v>
      </c>
      <c r="C2010" s="6">
        <v>128146</v>
      </c>
      <c r="D2010" s="6">
        <f t="shared" si="62"/>
        <v>-4601</v>
      </c>
      <c r="E2010" s="7">
        <f t="shared" si="63"/>
        <v>-3.7241490954712859E-2</v>
      </c>
      <c r="H2010" s="8"/>
      <c r="S2010" s="8"/>
    </row>
    <row r="2011" spans="1:19">
      <c r="A2011" s="6">
        <v>2012</v>
      </c>
      <c r="B2011" s="6">
        <v>123976</v>
      </c>
      <c r="C2011" s="6">
        <v>127740</v>
      </c>
      <c r="D2011" s="6">
        <f t="shared" si="62"/>
        <v>-3764</v>
      </c>
      <c r="E2011" s="7">
        <f t="shared" si="63"/>
        <v>-3.0360714977092342E-2</v>
      </c>
      <c r="H2011" s="8"/>
      <c r="S2011" s="8"/>
    </row>
    <row r="2012" spans="1:19">
      <c r="A2012" s="6">
        <v>2013</v>
      </c>
      <c r="B2012" s="6">
        <v>123570</v>
      </c>
      <c r="C2012" s="6">
        <v>127396</v>
      </c>
      <c r="D2012" s="6">
        <f t="shared" si="62"/>
        <v>-3826</v>
      </c>
      <c r="E2012" s="7">
        <f t="shared" si="63"/>
        <v>-3.0962207655579832E-2</v>
      </c>
      <c r="H2012" s="8"/>
      <c r="S2012" s="8"/>
    </row>
    <row r="2013" spans="1:19">
      <c r="A2013" s="6">
        <v>2014</v>
      </c>
      <c r="B2013" s="6">
        <v>123572</v>
      </c>
      <c r="C2013" s="6">
        <v>127757</v>
      </c>
      <c r="D2013" s="6">
        <f t="shared" si="62"/>
        <v>-4185</v>
      </c>
      <c r="E2013" s="7">
        <f t="shared" si="63"/>
        <v>-3.3866895413200399E-2</v>
      </c>
      <c r="H2013" s="8"/>
      <c r="S2013" s="8"/>
    </row>
    <row r="2014" spans="1:19">
      <c r="A2014" s="6">
        <v>2015</v>
      </c>
      <c r="B2014" s="6">
        <v>123584</v>
      </c>
      <c r="C2014" s="6">
        <v>127820</v>
      </c>
      <c r="D2014" s="6">
        <f t="shared" si="62"/>
        <v>-4236</v>
      </c>
      <c r="E2014" s="7">
        <f t="shared" si="63"/>
        <v>-3.4276281719316418E-2</v>
      </c>
      <c r="H2014" s="8"/>
      <c r="S2014" s="8"/>
    </row>
    <row r="2015" spans="1:19">
      <c r="A2015" s="6">
        <v>2016</v>
      </c>
      <c r="B2015" s="6">
        <v>125247</v>
      </c>
      <c r="C2015" s="6">
        <v>129410</v>
      </c>
      <c r="D2015" s="6">
        <f t="shared" si="62"/>
        <v>-4163</v>
      </c>
      <c r="E2015" s="7">
        <f t="shared" si="63"/>
        <v>-3.3238321077550759E-2</v>
      </c>
      <c r="H2015" s="8"/>
      <c r="S2015" s="8"/>
    </row>
    <row r="2016" spans="1:19">
      <c r="A2016" s="6">
        <v>2017</v>
      </c>
      <c r="B2016" s="6">
        <v>124819</v>
      </c>
      <c r="C2016" s="6">
        <v>129000</v>
      </c>
      <c r="D2016" s="6">
        <f t="shared" si="62"/>
        <v>-4181</v>
      </c>
      <c r="E2016" s="7">
        <f t="shared" si="63"/>
        <v>-3.3496502936251692E-2</v>
      </c>
      <c r="H2016" s="8"/>
      <c r="S2016" s="8"/>
    </row>
    <row r="2017" spans="1:19">
      <c r="A2017" s="6">
        <v>2018</v>
      </c>
      <c r="B2017" s="6">
        <v>124822</v>
      </c>
      <c r="C2017" s="6">
        <v>129089</v>
      </c>
      <c r="D2017" s="6">
        <f t="shared" si="62"/>
        <v>-4267</v>
      </c>
      <c r="E2017" s="7">
        <f t="shared" si="63"/>
        <v>-3.4184678982871607E-2</v>
      </c>
      <c r="H2017" s="8"/>
      <c r="S2017" s="8"/>
    </row>
    <row r="2018" spans="1:19">
      <c r="A2018" s="6">
        <v>2019</v>
      </c>
      <c r="B2018" s="6">
        <v>124824</v>
      </c>
      <c r="C2018" s="6">
        <v>129192</v>
      </c>
      <c r="D2018" s="6">
        <f t="shared" si="62"/>
        <v>-4368</v>
      </c>
      <c r="E2018" s="7">
        <f t="shared" si="63"/>
        <v>-3.4993270524899055E-2</v>
      </c>
      <c r="H2018" s="8"/>
      <c r="S2018" s="8"/>
    </row>
    <row r="2019" spans="1:19">
      <c r="A2019" s="6">
        <v>2020</v>
      </c>
      <c r="B2019" s="6">
        <v>124458</v>
      </c>
      <c r="C2019" s="6">
        <v>128566</v>
      </c>
      <c r="D2019" s="6">
        <f t="shared" si="62"/>
        <v>-4108</v>
      </c>
      <c r="E2019" s="7">
        <f t="shared" si="63"/>
        <v>-3.3007118867409084E-2</v>
      </c>
      <c r="H2019" s="8"/>
      <c r="S2019" s="8"/>
    </row>
    <row r="2020" spans="1:19">
      <c r="A2020" s="6">
        <v>2021</v>
      </c>
      <c r="B2020" s="6">
        <v>123970</v>
      </c>
      <c r="C2020" s="6">
        <v>128251</v>
      </c>
      <c r="D2020" s="6">
        <f t="shared" si="62"/>
        <v>-4281</v>
      </c>
      <c r="E2020" s="7">
        <f t="shared" si="63"/>
        <v>-3.4532548197144471E-2</v>
      </c>
      <c r="H2020" s="8"/>
      <c r="S2020" s="8"/>
    </row>
    <row r="2021" spans="1:19">
      <c r="A2021" s="6">
        <v>2022</v>
      </c>
      <c r="B2021" s="6">
        <v>124439</v>
      </c>
      <c r="C2021" s="6">
        <v>128569</v>
      </c>
      <c r="D2021" s="6">
        <f t="shared" si="62"/>
        <v>-4130</v>
      </c>
      <c r="E2021" s="7">
        <f t="shared" si="63"/>
        <v>-3.318895201665073E-2</v>
      </c>
      <c r="H2021" s="8"/>
      <c r="S2021" s="8"/>
    </row>
    <row r="2022" spans="1:19">
      <c r="A2022" s="6">
        <v>2023</v>
      </c>
      <c r="B2022" s="6">
        <v>124396</v>
      </c>
      <c r="C2022" s="6">
        <v>128554</v>
      </c>
      <c r="D2022" s="6">
        <f t="shared" si="62"/>
        <v>-4158</v>
      </c>
      <c r="E2022" s="7">
        <f t="shared" si="63"/>
        <v>-3.3425512074343224E-2</v>
      </c>
      <c r="H2022" s="8"/>
      <c r="S2022" s="8"/>
    </row>
    <row r="2023" spans="1:19">
      <c r="A2023" s="6">
        <v>2024</v>
      </c>
      <c r="B2023" s="6">
        <v>124476</v>
      </c>
      <c r="C2023" s="6">
        <v>130260</v>
      </c>
      <c r="D2023" s="6">
        <f t="shared" si="62"/>
        <v>-5784</v>
      </c>
      <c r="E2023" s="7">
        <f t="shared" si="63"/>
        <v>-4.6466788778559726E-2</v>
      </c>
      <c r="H2023" s="8"/>
      <c r="S2023" s="8"/>
    </row>
    <row r="2024" spans="1:19">
      <c r="A2024" s="6">
        <v>2025</v>
      </c>
      <c r="B2024" s="6">
        <v>124123</v>
      </c>
      <c r="C2024" s="6">
        <v>129813</v>
      </c>
      <c r="D2024" s="6">
        <f t="shared" si="62"/>
        <v>-5690</v>
      </c>
      <c r="E2024" s="7">
        <f t="shared" si="63"/>
        <v>-4.5841624839876575E-2</v>
      </c>
      <c r="H2024" s="8"/>
      <c r="S2024" s="8"/>
    </row>
    <row r="2025" spans="1:19">
      <c r="A2025" s="6">
        <v>2026</v>
      </c>
      <c r="B2025" s="6">
        <v>123967</v>
      </c>
      <c r="C2025" s="6">
        <v>129829</v>
      </c>
      <c r="D2025" s="6">
        <f t="shared" si="62"/>
        <v>-5862</v>
      </c>
      <c r="E2025" s="7">
        <f t="shared" si="63"/>
        <v>-4.7286777932836963E-2</v>
      </c>
      <c r="H2025" s="8"/>
      <c r="S2025" s="8"/>
    </row>
    <row r="2026" spans="1:19">
      <c r="A2026" s="6">
        <v>2027</v>
      </c>
      <c r="B2026" s="6">
        <v>123995</v>
      </c>
      <c r="C2026" s="6">
        <v>130031</v>
      </c>
      <c r="D2026" s="6">
        <f t="shared" si="62"/>
        <v>-6036</v>
      </c>
      <c r="E2026" s="7">
        <f t="shared" si="63"/>
        <v>-4.8679382233154565E-2</v>
      </c>
      <c r="H2026" s="8"/>
      <c r="S2026" s="8"/>
    </row>
    <row r="2027" spans="1:19">
      <c r="A2027" s="6">
        <v>2028</v>
      </c>
      <c r="B2027" s="6">
        <v>123981</v>
      </c>
      <c r="C2027" s="6">
        <v>129419</v>
      </c>
      <c r="D2027" s="6">
        <f t="shared" si="62"/>
        <v>-5438</v>
      </c>
      <c r="E2027" s="7">
        <f t="shared" si="63"/>
        <v>-4.3861559432493688E-2</v>
      </c>
      <c r="H2027" s="8"/>
      <c r="S2027" s="8"/>
    </row>
    <row r="2028" spans="1:19">
      <c r="A2028" s="6">
        <v>2029</v>
      </c>
      <c r="B2028" s="6">
        <v>123637</v>
      </c>
      <c r="C2028" s="6">
        <v>129200</v>
      </c>
      <c r="D2028" s="6">
        <f t="shared" si="62"/>
        <v>-5563</v>
      </c>
      <c r="E2028" s="7">
        <f t="shared" si="63"/>
        <v>-4.4994621351213633E-2</v>
      </c>
      <c r="H2028" s="8"/>
      <c r="S2028" s="8"/>
    </row>
    <row r="2029" spans="1:19">
      <c r="A2029" s="6">
        <v>2030</v>
      </c>
      <c r="B2029" s="6">
        <v>123626</v>
      </c>
      <c r="C2029" s="6">
        <v>129969</v>
      </c>
      <c r="D2029" s="6">
        <f t="shared" si="62"/>
        <v>-6343</v>
      </c>
      <c r="E2029" s="7">
        <f t="shared" si="63"/>
        <v>-5.1307977286331352E-2</v>
      </c>
      <c r="H2029" s="8"/>
      <c r="S2029" s="8"/>
    </row>
    <row r="2030" spans="1:19">
      <c r="A2030" s="6">
        <v>2031</v>
      </c>
      <c r="B2030" s="6">
        <v>123567</v>
      </c>
      <c r="C2030" s="6">
        <v>129443</v>
      </c>
      <c r="D2030" s="6">
        <f t="shared" si="62"/>
        <v>-5876</v>
      </c>
      <c r="E2030" s="7">
        <f t="shared" si="63"/>
        <v>-4.7553149303616662E-2</v>
      </c>
      <c r="H2030" s="8"/>
      <c r="S2030" s="8"/>
    </row>
    <row r="2031" spans="1:19">
      <c r="A2031" s="6">
        <v>2032</v>
      </c>
      <c r="B2031" s="6">
        <v>124835</v>
      </c>
      <c r="C2031" s="6">
        <v>131127</v>
      </c>
      <c r="D2031" s="6">
        <f t="shared" si="62"/>
        <v>-6292</v>
      </c>
      <c r="E2031" s="7">
        <f t="shared" si="63"/>
        <v>-5.0402531341370606E-2</v>
      </c>
      <c r="H2031" s="8"/>
      <c r="S2031" s="8"/>
    </row>
    <row r="2032" spans="1:19">
      <c r="A2032" s="6">
        <v>2033</v>
      </c>
      <c r="B2032" s="6">
        <v>124391</v>
      </c>
      <c r="C2032" s="6">
        <v>130668</v>
      </c>
      <c r="D2032" s="6">
        <f t="shared" si="62"/>
        <v>-6277</v>
      </c>
      <c r="E2032" s="7">
        <f t="shared" si="63"/>
        <v>-5.0461850133852126E-2</v>
      </c>
      <c r="H2032" s="8"/>
      <c r="S2032" s="8"/>
    </row>
    <row r="2033" spans="1:19">
      <c r="A2033" s="6">
        <v>2034</v>
      </c>
      <c r="B2033" s="6">
        <v>124559</v>
      </c>
      <c r="C2033" s="6">
        <v>130962</v>
      </c>
      <c r="D2033" s="6">
        <f t="shared" si="62"/>
        <v>-6403</v>
      </c>
      <c r="E2033" s="7">
        <f t="shared" si="63"/>
        <v>-5.1405358103388754E-2</v>
      </c>
      <c r="H2033" s="8"/>
      <c r="S2033" s="8"/>
    </row>
    <row r="2034" spans="1:19">
      <c r="A2034" s="6">
        <v>2035</v>
      </c>
      <c r="B2034" s="6">
        <v>124372</v>
      </c>
      <c r="C2034" s="6">
        <v>130675</v>
      </c>
      <c r="D2034" s="6">
        <f t="shared" si="62"/>
        <v>-6303</v>
      </c>
      <c r="E2034" s="7">
        <f t="shared" si="63"/>
        <v>-5.067860933329045E-2</v>
      </c>
      <c r="H2034" s="8"/>
      <c r="S2034" s="8"/>
    </row>
    <row r="2035" spans="1:19">
      <c r="A2035" s="6">
        <v>2036</v>
      </c>
      <c r="B2035" s="6">
        <v>124593</v>
      </c>
      <c r="C2035" s="6">
        <v>130235</v>
      </c>
      <c r="D2035" s="6">
        <f t="shared" si="62"/>
        <v>-5642</v>
      </c>
      <c r="E2035" s="7">
        <f t="shared" si="63"/>
        <v>-4.5283442890050006E-2</v>
      </c>
      <c r="H2035" s="8"/>
      <c r="S2035" s="8"/>
    </row>
    <row r="2036" spans="1:19">
      <c r="A2036" s="6">
        <v>2037</v>
      </c>
      <c r="B2036" s="6">
        <v>123993</v>
      </c>
      <c r="C2036" s="6">
        <v>129837</v>
      </c>
      <c r="D2036" s="6">
        <f t="shared" si="62"/>
        <v>-5844</v>
      </c>
      <c r="E2036" s="7">
        <f t="shared" si="63"/>
        <v>-4.7131692918148609E-2</v>
      </c>
      <c r="H2036" s="8"/>
      <c r="S2036" s="8"/>
    </row>
    <row r="2037" spans="1:19">
      <c r="A2037" s="6">
        <v>2038</v>
      </c>
      <c r="B2037" s="6">
        <v>123975</v>
      </c>
      <c r="C2037" s="6">
        <v>130235</v>
      </c>
      <c r="D2037" s="6">
        <f t="shared" si="62"/>
        <v>-6260</v>
      </c>
      <c r="E2037" s="7">
        <f t="shared" si="63"/>
        <v>-5.0494051220004034E-2</v>
      </c>
      <c r="H2037" s="8"/>
      <c r="S2037" s="8"/>
    </row>
    <row r="2038" spans="1:19">
      <c r="A2038" s="6">
        <v>2039</v>
      </c>
      <c r="B2038" s="6">
        <v>123978</v>
      </c>
      <c r="C2038" s="6">
        <v>130245</v>
      </c>
      <c r="D2038" s="6">
        <f t="shared" si="62"/>
        <v>-6267</v>
      </c>
      <c r="E2038" s="7">
        <f t="shared" si="63"/>
        <v>-5.0549291003242514E-2</v>
      </c>
      <c r="H2038" s="8"/>
      <c r="S2038" s="8"/>
    </row>
    <row r="2039" spans="1:19">
      <c r="A2039" s="6">
        <v>2040</v>
      </c>
      <c r="B2039" s="6">
        <v>125621</v>
      </c>
      <c r="C2039" s="6">
        <v>131973</v>
      </c>
      <c r="D2039" s="6">
        <f t="shared" si="62"/>
        <v>-6352</v>
      </c>
      <c r="E2039" s="7">
        <f t="shared" si="63"/>
        <v>-5.0564794102896805E-2</v>
      </c>
      <c r="H2039" s="8"/>
      <c r="S2039" s="8"/>
    </row>
    <row r="2040" spans="1:19">
      <c r="A2040" s="6">
        <v>2041</v>
      </c>
      <c r="B2040" s="6">
        <v>123988</v>
      </c>
      <c r="C2040" s="6">
        <v>131741</v>
      </c>
      <c r="D2040" s="6">
        <f t="shared" si="62"/>
        <v>-7753</v>
      </c>
      <c r="E2040" s="7">
        <f t="shared" si="63"/>
        <v>-6.2530244862406034E-2</v>
      </c>
      <c r="H2040" s="8"/>
      <c r="S2040" s="8"/>
    </row>
    <row r="2041" spans="1:19">
      <c r="A2041" s="6">
        <v>2042</v>
      </c>
      <c r="B2041" s="6">
        <v>123997</v>
      </c>
      <c r="C2041" s="6">
        <v>131518</v>
      </c>
      <c r="D2041" s="6">
        <f t="shared" si="62"/>
        <v>-7521</v>
      </c>
      <c r="E2041" s="7">
        <f t="shared" si="63"/>
        <v>-6.065469325870787E-2</v>
      </c>
      <c r="H2041" s="8"/>
      <c r="S2041" s="8"/>
    </row>
    <row r="2042" spans="1:19">
      <c r="A2042" s="6">
        <v>2043</v>
      </c>
      <c r="B2042" s="6">
        <v>124070</v>
      </c>
      <c r="C2042" s="6">
        <v>131672</v>
      </c>
      <c r="D2042" s="6">
        <f t="shared" si="62"/>
        <v>-7602</v>
      </c>
      <c r="E2042" s="7">
        <f t="shared" si="63"/>
        <v>-6.1271862658176836E-2</v>
      </c>
      <c r="H2042" s="8"/>
      <c r="S2042" s="8"/>
    </row>
    <row r="2043" spans="1:19">
      <c r="A2043" s="6">
        <v>2044</v>
      </c>
      <c r="B2043" s="6">
        <v>123980</v>
      </c>
      <c r="C2043" s="6">
        <v>131081</v>
      </c>
      <c r="D2043" s="6">
        <f t="shared" si="62"/>
        <v>-7101</v>
      </c>
      <c r="E2043" s="7">
        <f t="shared" si="63"/>
        <v>-5.7275366994676558E-2</v>
      </c>
      <c r="H2043" s="8"/>
      <c r="S2043" s="8"/>
    </row>
    <row r="2044" spans="1:19">
      <c r="A2044" s="6">
        <v>2045</v>
      </c>
      <c r="B2044" s="6">
        <v>123972</v>
      </c>
      <c r="C2044" s="6">
        <v>130731</v>
      </c>
      <c r="D2044" s="6">
        <f t="shared" si="62"/>
        <v>-6759</v>
      </c>
      <c r="E2044" s="7">
        <f t="shared" si="63"/>
        <v>-5.4520375568676796E-2</v>
      </c>
      <c r="H2044" s="8"/>
      <c r="S2044" s="8"/>
    </row>
    <row r="2045" spans="1:19">
      <c r="A2045" s="6">
        <v>2046</v>
      </c>
      <c r="B2045" s="6">
        <v>124043</v>
      </c>
      <c r="C2045" s="6">
        <v>131075</v>
      </c>
      <c r="D2045" s="6">
        <f t="shared" si="62"/>
        <v>-7032</v>
      </c>
      <c r="E2045" s="7">
        <f t="shared" si="63"/>
        <v>-5.6690018783808839E-2</v>
      </c>
      <c r="H2045" s="8"/>
      <c r="S2045" s="8"/>
    </row>
    <row r="2046" spans="1:19">
      <c r="A2046" s="6">
        <v>2047</v>
      </c>
      <c r="B2046" s="6">
        <v>123964</v>
      </c>
      <c r="C2046" s="6">
        <v>131064</v>
      </c>
      <c r="D2046" s="6">
        <f t="shared" si="62"/>
        <v>-7100</v>
      </c>
      <c r="E2046" s="7">
        <f t="shared" si="63"/>
        <v>-5.7274692652705621E-2</v>
      </c>
      <c r="H2046" s="8"/>
      <c r="S2046" s="8"/>
    </row>
    <row r="2047" spans="1:19">
      <c r="A2047" s="6">
        <v>2048</v>
      </c>
      <c r="B2047" s="6">
        <v>117492</v>
      </c>
      <c r="C2047" s="6">
        <v>117315</v>
      </c>
      <c r="D2047" s="6">
        <f t="shared" si="62"/>
        <v>177</v>
      </c>
      <c r="E2047" s="7">
        <f t="shared" si="63"/>
        <v>1.5064855479522011E-3</v>
      </c>
      <c r="H2047" s="8"/>
      <c r="S2047" s="8"/>
    </row>
  </sheetData>
  <mergeCells count="1">
    <mergeCell ref="A1:E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Sheet1</vt:lpstr>
    </vt:vector>
  </TitlesOfParts>
  <Company>Huawei Technologies Co.,Ltd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ocalAccount</dc:creator>
  <cp:lastModifiedBy>LocalAccount</cp:lastModifiedBy>
  <dcterms:created xsi:type="dcterms:W3CDTF">2018-11-24T06:38:10Z</dcterms:created>
  <dcterms:modified xsi:type="dcterms:W3CDTF">2018-11-24T06:39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540549240</vt:lpwstr>
  </property>
  <property fmtid="{D5CDD505-2E9C-101B-9397-08002B2CF9AE}" pid="6" name="_2015_ms_pID_725343">
    <vt:lpwstr>(2)rBUAldJ6dokbGZrqwSIcxieIryjSkW5mnBFhY2IgjcdDzEJGQNol6IwIgGvo40fSbB7+yifZ
D0Knfnsc82cSxoHzjiCDCkdqOqAWIXWbuK/7yY2H6zM+BDbgU/rrOlA8/N42FSY+AAgh+dB2
D4WHKy5h3sAdaYyHc7mYuNOSDp1mBvqksQDafbm/1Jr9QC6H/iFjcONHzw9hFyit4R0Bq7RI
/aeogL2UdjL9xa09DY</vt:lpwstr>
  </property>
  <property fmtid="{D5CDD505-2E9C-101B-9397-08002B2CF9AE}" pid="7" name="_2015_ms_pID_7253431">
    <vt:lpwstr>zegK/TnLFjzh6zpRYAnvBiLwbIWUz3UB0Namv83Ex3Qbb8wUYPBL24
LlxX3NmnujeqKsOct139zk7cb3TPltiqLPUm1Vfyxoc8kPa0ORPL6mt3SMoGN4mVQ2cgCd/1
p7KaFhrdIrOfTeYyBlDkkSmOtslBu7N6Yvu1eYEc2oZ4Ot9LWUEXnl0KAN+wLmWtOQM=</vt:lpwstr>
  </property>
</Properties>
</file>